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88 Jednorázový dýchací okruh\05. PTK\02. Odoslané\"/>
    </mc:Choice>
  </mc:AlternateContent>
  <bookViews>
    <workbookView xWindow="-105" yWindow="-105" windowWidth="19425" windowHeight="10425"/>
  </bookViews>
  <sheets>
    <sheet name="PTK ponuka Zmluvne poz." sheetId="8" r:id="rId1"/>
    <sheet name="PTK Ponuka časť č. 1" sheetId="9" r:id="rId2"/>
    <sheet name="PTK Ponuka časť č. 2" sheetId="15" r:id="rId3"/>
  </sheets>
  <definedNames>
    <definedName name="_xlnm.Print_Area" localSheetId="1">'PTK Ponuka časť č. 1'!$A$1:$F$87</definedName>
    <definedName name="_xlnm.Print_Area" localSheetId="2">'PTK Ponuka časť č. 2'!$A$1:$F$82</definedName>
    <definedName name="_xlnm.Print_Area" localSheetId="0">'PTK ponuka Zmluvne poz.'!$A$1:$E$9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4" uniqueCount="27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3.</t>
  </si>
  <si>
    <t>14.</t>
  </si>
  <si>
    <t>33140000-3 - Zdravotnícky spotrebný materiál</t>
  </si>
  <si>
    <t xml:space="preserve">Kalkulácia ceny a návrh na plnenie kritéria na vyhodnotenie ponúk - Štruktúrovaný rozpočet ceny predmetu zákazky </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meno a priezvisko:</t>
  </si>
  <si>
    <t>v čase od 07:00 hod. do 14:00 hod.,</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Požadovaný počet MJ</t>
  </si>
  <si>
    <t>Položka č. 1</t>
  </si>
  <si>
    <t>Predpokladaný počet MJ za zmluvné obdobie 24 mesiacov</t>
  </si>
  <si>
    <t>Jednorazový dýchací okruh</t>
  </si>
  <si>
    <t>Zdravotnícky spotrebný materiál</t>
  </si>
  <si>
    <r>
      <rPr>
        <sz val="10"/>
        <rFont val="Arial"/>
        <family val="2"/>
        <charset val="238"/>
      </rPr>
      <t>Požadované minimálne technické vlastnosti, parametre a hodnoty predmetu zákazky sú uvedené samostatne pre každú časť predmetu zákazky:</t>
    </r>
    <r>
      <rPr>
        <b/>
        <sz val="10"/>
        <rFont val="Arial"/>
        <family val="2"/>
        <charset val="238"/>
      </rPr>
      <t xml:space="preserve"> </t>
    </r>
    <r>
      <rPr>
        <b/>
        <sz val="10"/>
        <color rgb="FFC00000"/>
        <rFont val="Arial"/>
        <family val="2"/>
        <charset val="238"/>
      </rPr>
      <t>PTK Ponuka č. 1;</t>
    </r>
    <r>
      <rPr>
        <b/>
        <sz val="10"/>
        <rFont val="Arial"/>
        <family val="2"/>
        <charset val="238"/>
      </rPr>
      <t xml:space="preserve"> </t>
    </r>
    <r>
      <rPr>
        <b/>
        <sz val="10"/>
        <color theme="9" tint="-0.249977111117893"/>
        <rFont val="Arial"/>
        <family val="2"/>
        <charset val="238"/>
      </rPr>
      <t xml:space="preserve">PTK Ponuka č. 2; </t>
    </r>
    <r>
      <rPr>
        <b/>
        <sz val="10"/>
        <color theme="2" tint="-0.499984740745262"/>
        <rFont val="Arial"/>
        <family val="2"/>
        <charset val="238"/>
      </rPr>
      <t xml:space="preserve"> </t>
    </r>
    <r>
      <rPr>
        <sz val="10"/>
        <rFont val="Arial"/>
        <family val="2"/>
        <charset val="238"/>
      </rPr>
      <t>(jednotlivé hárky excelu).</t>
    </r>
  </si>
  <si>
    <r>
      <t xml:space="preserve">Požaduje sa uzatvorenie rámcovej dohody, a to na na dohodnuté zmluvné obdobie  </t>
    </r>
    <r>
      <rPr>
        <b/>
        <sz val="10"/>
        <rFont val="Arial"/>
        <family val="2"/>
        <charset val="238"/>
      </rPr>
      <t>24 kalendárnych mesiacov</t>
    </r>
    <r>
      <rPr>
        <sz val="10"/>
        <rFont val="Arial"/>
        <family val="2"/>
        <charset val="238"/>
      </rPr>
      <t>, resp. do doby naplnenia zmluvného finančného objemu podľa toho, ktorá z uvedených skutočností nastane skôr.</t>
    </r>
  </si>
  <si>
    <t xml:space="preserve">Účastníci dohody sa dohodli, že pohľadávky, ktoré vzniknú Predávajúcemu z tohto zmluvného vzťahu, nie je možné zabezpečiť prostredníctvom ručenia podľa § 91 ods. 3 zákona č. 578/2004 Z. z. bez predchádzajúceho písomného súhlasu Kupujúceho. Ručenie bez predchádzajúceho súhlasu Kupujúceho je neplatné. Súhlas Kupujúceho je platný len za podmienky, že bol na takýto úkon udelený predchádzajúci písomný súhlas Ministerstva zdravotníctva Slovenskej republiky.
</t>
  </si>
  <si>
    <t>4</t>
  </si>
  <si>
    <t>5</t>
  </si>
  <si>
    <t>6</t>
  </si>
  <si>
    <t>7</t>
  </si>
  <si>
    <t>8</t>
  </si>
  <si>
    <t>9</t>
  </si>
  <si>
    <t>10</t>
  </si>
  <si>
    <t>11</t>
  </si>
  <si>
    <t>1</t>
  </si>
  <si>
    <t>2</t>
  </si>
  <si>
    <t>3</t>
  </si>
  <si>
    <t>15</t>
  </si>
  <si>
    <t>16</t>
  </si>
  <si>
    <t>17</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t>Potvrdenie ŠÚKL</t>
    </r>
    <r>
      <rPr>
        <sz val="10"/>
        <color theme="1"/>
        <rFont val="Arial"/>
        <family val="2"/>
        <charset val="238"/>
      </rPr>
      <t xml:space="preserve"> (výstup z databázy registrovaných/evidovaných zdravotníckych pomôcok), resp. iné doklady, ktoré nahrádzajú požadované potvrdenie.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22mm dýchací systém s ohrievaným drôtom pre dospelých</t>
  </si>
  <si>
    <t>prívod zvlhčených respiračných plynov k pacientovi a ich odvod od pacienta prostredníctvom systému trubíc a konektorov</t>
  </si>
  <si>
    <t>Dýchacie plyny</t>
  </si>
  <si>
    <t>Vzduch a kyslík</t>
  </si>
  <si>
    <t>Iba na použitie s ventilátormi spĺňajúcimi normu ISO 80601-2-12 alebo ISO 80601-2-72</t>
  </si>
  <si>
    <t xml:space="preserve">Vek pacienta </t>
  </si>
  <si>
    <t>dospelý</t>
  </si>
  <si>
    <t xml:space="preserve">Maximálna doba používania </t>
  </si>
  <si>
    <t>aspoň 7 dní</t>
  </si>
  <si>
    <t>Výstup vlhkosti</t>
  </si>
  <si>
    <t>Invazívny režim</t>
  </si>
  <si>
    <t>&gt; 33 mg/l pri 5-50 l/min</t>
  </si>
  <si>
    <t>Neinvazívny režim</t>
  </si>
  <si>
    <t>&gt; 12mg/l pri 5-50 l/min</t>
  </si>
  <si>
    <t>Pracovný tlak</t>
  </si>
  <si>
    <t>&lt; 125 cm H2O</t>
  </si>
  <si>
    <t>Maximálna prevádzková teplota</t>
  </si>
  <si>
    <t>26°C</t>
  </si>
  <si>
    <t>Minimálna prevádzková teplota</t>
  </si>
  <si>
    <t>18°C</t>
  </si>
  <si>
    <t>Presakovanie dýchacieho systému</t>
  </si>
  <si>
    <t>&lt; 70 ml/min, ďalšie ramená &lt; 25 ml/min pri 60 cm H2O</t>
  </si>
  <si>
    <t>Spĺňa normy</t>
  </si>
  <si>
    <t>BS EN ISO 5367</t>
  </si>
  <si>
    <t>BS EN ISO 5356-1</t>
  </si>
  <si>
    <t>ISO 80601-2-74</t>
  </si>
  <si>
    <t>BS EN ISO  80601-2-12:2011</t>
  </si>
  <si>
    <t>Zvlhčovacia komora</t>
  </si>
  <si>
    <t>Popis</t>
  </si>
  <si>
    <t>Účel</t>
  </si>
  <si>
    <t>Voda v systéme</t>
  </si>
  <si>
    <t>Maximálna dĺžka použitia</t>
  </si>
  <si>
    <t>Max. objem</t>
  </si>
  <si>
    <t>Min. objem</t>
  </si>
  <si>
    <t>Max. krátkodobý prietok</t>
  </si>
  <si>
    <t>Max. tlak</t>
  </si>
  <si>
    <t>Únik</t>
  </si>
  <si>
    <t>Zvlhčovacia komora s automatickým plnením s plniacou sústavou</t>
  </si>
  <si>
    <t>zvlhčovanie dýchacích plynov privádzaných k pacientovi</t>
  </si>
  <si>
    <t>sterilná voda vhodná na použitie v dýchacích prístrojoch</t>
  </si>
  <si>
    <t>167 ml vody a 198 ml plynu</t>
  </si>
  <si>
    <t>38 ml vody a 327 ml plynu</t>
  </si>
  <si>
    <t>180 l/min</t>
  </si>
  <si>
    <t>125 cm H2O</t>
  </si>
  <si>
    <t>&lt; 5 ml/min pri 100cm H2O</t>
  </si>
  <si>
    <t>Odpor voči prúdeniu  pri max. naplnení komory a prietoku (cm H2O):</t>
  </si>
  <si>
    <t>2,5 l/min</t>
  </si>
  <si>
    <t>15 l/min</t>
  </si>
  <si>
    <t>30 l/min</t>
  </si>
  <si>
    <t>60 l/min</t>
  </si>
  <si>
    <t>90 l/min</t>
  </si>
  <si>
    <t>120 l/min</t>
  </si>
  <si>
    <t>Poddajnosť (60 ml/cm H2O):</t>
  </si>
  <si>
    <t>Min. naplnenie komory</t>
  </si>
  <si>
    <t>Max. naplnenie komory</t>
  </si>
  <si>
    <t>Min. zvlhčovací výkon</t>
  </si>
  <si>
    <t>33 mg/l pri BTPS</t>
  </si>
  <si>
    <t>BS EN ISO 8536-4</t>
  </si>
  <si>
    <t>8.1</t>
  </si>
  <si>
    <t>8.2</t>
  </si>
  <si>
    <t>8.3</t>
  </si>
  <si>
    <t>8.4</t>
  </si>
  <si>
    <t>8.5</t>
  </si>
  <si>
    <t>8.6</t>
  </si>
  <si>
    <t>8.7</t>
  </si>
  <si>
    <t>9.1</t>
  </si>
  <si>
    <t>9.2</t>
  </si>
  <si>
    <t>9.3</t>
  </si>
  <si>
    <t>9.4</t>
  </si>
  <si>
    <t>9.5</t>
  </si>
  <si>
    <t>9.6</t>
  </si>
  <si>
    <t>9.7</t>
  </si>
  <si>
    <t>9.8</t>
  </si>
  <si>
    <t>9.9</t>
  </si>
  <si>
    <t>10.1</t>
  </si>
  <si>
    <t>10.2</t>
  </si>
  <si>
    <t>10.3</t>
  </si>
  <si>
    <t>10.4</t>
  </si>
  <si>
    <t>10.5</t>
  </si>
  <si>
    <t>10.6</t>
  </si>
  <si>
    <t>11.1</t>
  </si>
  <si>
    <t>11.2</t>
  </si>
  <si>
    <t>11.3</t>
  </si>
  <si>
    <t>11.4</t>
  </si>
  <si>
    <t>7.1</t>
  </si>
  <si>
    <t>11.5</t>
  </si>
  <si>
    <t>11.6</t>
  </si>
  <si>
    <t>Musí byť kompatibilný s existujúcim respiračným zvlhčovačom Fisher&amp;Paykel 950</t>
  </si>
  <si>
    <t>Maximálne trvanie používania</t>
  </si>
  <si>
    <t>aspoň 14 dní</t>
  </si>
  <si>
    <t>Používané dýchacie plyny</t>
  </si>
  <si>
    <t>vzduch a kyslík</t>
  </si>
  <si>
    <t xml:space="preserve">Dychový objem </t>
  </si>
  <si>
    <t>&gt; 200 ml</t>
  </si>
  <si>
    <t>Pripojenie rozhrania</t>
  </si>
  <si>
    <t>Kónické konektory podľa normy ISO 5356-1</t>
  </si>
  <si>
    <t>Dĺžka dýchacej hadice</t>
  </si>
  <si>
    <t>nádychová</t>
  </si>
  <si>
    <t>výdychová</t>
  </si>
  <si>
    <t>1,5-1,7m</t>
  </si>
  <si>
    <t>Únik plynu (60 cm H2O BTPS)</t>
  </si>
  <si>
    <t>dvojitá vetva</t>
  </si>
  <si>
    <t>&lt; 40 ml/min</t>
  </si>
  <si>
    <t>Odpor proti prietoku (30 l/min BTPS)</t>
  </si>
  <si>
    <t xml:space="preserve">Nádychový </t>
  </si>
  <si>
    <t>Výdychový</t>
  </si>
  <si>
    <t>S príslušenstvom:</t>
  </si>
  <si>
    <t>0,35 ± 0,03 cmH2O</t>
  </si>
  <si>
    <t>0,2 ± 0,03 cmH2O</t>
  </si>
  <si>
    <t>1 ± 0,11 cmH2O</t>
  </si>
  <si>
    <t>Poddajnosť  (60 cmH2O BTPS)</t>
  </si>
  <si>
    <t>(vrátane odchýlky merania 0,02 ml/cmH2O)</t>
  </si>
  <si>
    <t>Minimálny vnútorný priemer hadice</t>
  </si>
  <si>
    <t>Maximálna teplota povrchu hadice</t>
  </si>
  <si>
    <t>Maximálny prevádzkový tlak</t>
  </si>
  <si>
    <t>2,27 ± 0,25 ml/cmH2O</t>
  </si>
  <si>
    <t>2,36 ± 0,28 ml/cmH2O</t>
  </si>
  <si>
    <t>17 mm</t>
  </si>
  <si>
    <t>44°C</t>
  </si>
  <si>
    <t>80 cmH2O</t>
  </si>
  <si>
    <t>Prevádzkový rozsah prietoku</t>
  </si>
  <si>
    <t>5-60 l/min</t>
  </si>
  <si>
    <t>5-120 l/min</t>
  </si>
  <si>
    <t xml:space="preserve">5-70 l/min </t>
  </si>
  <si>
    <t>18-26°C</t>
  </si>
  <si>
    <t>160 ml</t>
  </si>
  <si>
    <t>Režim masky</t>
  </si>
  <si>
    <t>Režim pri vysokoprietokovej nazálnej ventilácii (HFNO)</t>
  </si>
  <si>
    <t>Izbová teplota</t>
  </si>
  <si>
    <t>Maximálny objem v komore</t>
  </si>
  <si>
    <t>&gt;99,99%</t>
  </si>
  <si>
    <t>bakteriofág X174</t>
  </si>
  <si>
    <t>&gt;99,9997%</t>
  </si>
  <si>
    <t>Bacillus subtilis</t>
  </si>
  <si>
    <t>3 μm</t>
  </si>
  <si>
    <t>Filter:</t>
  </si>
  <si>
    <t xml:space="preserve">Vírusy </t>
  </si>
  <si>
    <t>Organizmus</t>
  </si>
  <si>
    <t>Baktérie</t>
  </si>
  <si>
    <t>Priemerná veľkosť častíc</t>
  </si>
  <si>
    <t>NaCl</t>
  </si>
  <si>
    <t>Časť č. 1 - Krátkodobý jednorázový dýchací okruh</t>
  </si>
  <si>
    <t xml:space="preserve"> Krátkodobý jednorázový dýchací okruh</t>
  </si>
  <si>
    <t xml:space="preserve">Časť č. 1 - Krátkodobý jednorázový dýchací okruh </t>
  </si>
  <si>
    <t>Krátkodobý jednorázový dýchací okruh</t>
  </si>
  <si>
    <t>Položka č. 1 - Krátkodobý jednorázový dýchací okruh</t>
  </si>
  <si>
    <t>Časť č. 2 - Dlhodobý jednorázový dýchací okruh</t>
  </si>
  <si>
    <t>Dlhodobý jednorázový dýchací okruh</t>
  </si>
  <si>
    <t>Položka č. 1 - Dlhodobý jednorázový dýchací okruh</t>
  </si>
  <si>
    <t>Musí byť kompatibilný s existujúcim zvlhčovačom Fisher&amp;Paykel MR 850 ARU, VADI VH 1500, VH 2000 a VH 3000</t>
  </si>
</sst>
</file>

<file path=xl/styles.xml><?xml version="1.0" encoding="utf-8"?>
<styleSheet xmlns="http://schemas.openxmlformats.org/spreadsheetml/2006/main" xmlns:mc="http://schemas.openxmlformats.org/markup-compatibility/2006" xmlns:x14ac="http://schemas.microsoft.com/office/spreadsheetml/2009/9/ac" mc:Ignorable="x14ac">
  <fonts count="20"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
      <b/>
      <i/>
      <sz val="10"/>
      <color theme="1"/>
      <name val="Arial"/>
      <family val="2"/>
      <charset val="238"/>
    </font>
    <font>
      <b/>
      <sz val="10"/>
      <color theme="9" tint="-0.249977111117893"/>
      <name val="Arial"/>
      <family val="2"/>
      <charset val="238"/>
    </font>
    <font>
      <b/>
      <sz val="10"/>
      <color theme="8" tint="-0.249977111117893"/>
      <name val="Arial"/>
      <family val="2"/>
      <charset val="238"/>
    </font>
    <font>
      <b/>
      <sz val="10"/>
      <color theme="2" tint="-0.499984740745262"/>
      <name val="Arial"/>
      <family val="2"/>
      <charset val="238"/>
    </font>
    <font>
      <sz val="11"/>
      <name val="Arial"/>
      <family val="2"/>
      <charset val="238"/>
    </font>
    <font>
      <b/>
      <sz val="10"/>
      <color rgb="FFC0000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5" tint="0.59999389629810485"/>
        <bgColor indexed="64"/>
      </patternFill>
    </fill>
    <fill>
      <patternFill patternType="solid">
        <fgColor theme="9" tint="0.79998168889431442"/>
        <bgColor indexed="64"/>
      </patternFill>
    </fill>
    <fill>
      <patternFill patternType="solid">
        <fgColor theme="0"/>
        <bgColor indexed="64"/>
      </patternFill>
    </fill>
  </fills>
  <borders count="8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thin">
        <color auto="1"/>
      </left>
      <right/>
      <top/>
      <bottom style="dotted">
        <color indexed="64"/>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medium">
        <color auto="1"/>
      </left>
      <right style="thin">
        <color auto="1"/>
      </right>
      <top style="dotted">
        <color auto="1"/>
      </top>
      <bottom/>
      <diagonal/>
    </border>
    <border>
      <left style="thin">
        <color auto="1"/>
      </left>
      <right style="dotted">
        <color auto="1"/>
      </right>
      <top style="dotted">
        <color auto="1"/>
      </top>
      <bottom/>
      <diagonal/>
    </border>
    <border>
      <left style="thin">
        <color auto="1"/>
      </left>
      <right style="dotted">
        <color auto="1"/>
      </right>
      <top style="medium">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
      <left style="thin">
        <color auto="1"/>
      </left>
      <right style="thin">
        <color auto="1"/>
      </right>
      <top/>
      <bottom/>
      <diagonal/>
    </border>
    <border>
      <left style="thin">
        <color auto="1"/>
      </left>
      <right style="medium">
        <color indexed="64"/>
      </right>
      <top/>
      <bottom/>
      <diagonal/>
    </border>
    <border>
      <left style="thin">
        <color auto="1"/>
      </left>
      <right style="thin">
        <color auto="1"/>
      </right>
      <top style="dotted">
        <color auto="1"/>
      </top>
      <bottom/>
      <diagonal/>
    </border>
    <border>
      <left style="medium">
        <color auto="1"/>
      </left>
      <right style="thin">
        <color auto="1"/>
      </right>
      <top/>
      <bottom style="thin">
        <color auto="1"/>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style="medium">
        <color auto="1"/>
      </left>
      <right style="thin">
        <color auto="1"/>
      </right>
      <top style="dotted">
        <color auto="1"/>
      </top>
      <bottom style="dotted">
        <color auto="1"/>
      </bottom>
      <diagonal/>
    </border>
    <border>
      <left style="thin">
        <color auto="1"/>
      </left>
      <right/>
      <top/>
      <bottom/>
      <diagonal/>
    </border>
    <border>
      <left style="medium">
        <color auto="1"/>
      </left>
      <right style="thin">
        <color auto="1"/>
      </right>
      <top/>
      <bottom/>
      <diagonal/>
    </border>
    <border>
      <left style="thin">
        <color auto="1"/>
      </left>
      <right style="thin">
        <color auto="1"/>
      </right>
      <top/>
      <bottom style="dotted">
        <color indexed="64"/>
      </bottom>
      <diagonal/>
    </border>
    <border>
      <left style="medium">
        <color auto="1"/>
      </left>
      <right style="thin">
        <color auto="1"/>
      </right>
      <top style="medium">
        <color auto="1"/>
      </top>
      <bottom style="dotted">
        <color indexed="64"/>
      </bottom>
      <diagonal/>
    </border>
    <border>
      <left style="thin">
        <color auto="1"/>
      </left>
      <right style="medium">
        <color indexed="64"/>
      </right>
      <top style="dotted">
        <color indexed="64"/>
      </top>
      <bottom/>
      <diagonal/>
    </border>
    <border>
      <left/>
      <right style="medium">
        <color indexed="64"/>
      </right>
      <top/>
      <bottom style="dotted">
        <color indexed="64"/>
      </bottom>
      <diagonal/>
    </border>
    <border>
      <left style="thin">
        <color auto="1"/>
      </left>
      <right/>
      <top style="dotted">
        <color auto="1"/>
      </top>
      <bottom style="dotted">
        <color indexed="64"/>
      </bottom>
      <diagonal/>
    </border>
    <border>
      <left style="thin">
        <color auto="1"/>
      </left>
      <right style="thin">
        <color auto="1"/>
      </right>
      <top style="dotted">
        <color auto="1"/>
      </top>
      <bottom style="medium">
        <color indexed="64"/>
      </bottom>
      <diagonal/>
    </border>
    <border>
      <left style="thin">
        <color auto="1"/>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auto="1"/>
      </left>
      <right/>
      <top style="medium">
        <color auto="1"/>
      </top>
      <bottom style="dotted">
        <color indexed="64"/>
      </bottom>
      <diagonal/>
    </border>
    <border>
      <left style="thin">
        <color indexed="64"/>
      </left>
      <right style="thin">
        <color indexed="64"/>
      </right>
      <top style="dotted">
        <color indexed="64"/>
      </top>
      <bottom style="dashed">
        <color indexed="64"/>
      </bottom>
      <diagonal/>
    </border>
    <border>
      <left style="thin">
        <color auto="1"/>
      </left>
      <right style="medium">
        <color auto="1"/>
      </right>
      <top/>
      <bottom style="medium">
        <color indexed="64"/>
      </bottom>
      <diagonal/>
    </border>
    <border>
      <left/>
      <right style="thin">
        <color auto="1"/>
      </right>
      <top style="medium">
        <color indexed="64"/>
      </top>
      <bottom style="medium">
        <color indexed="64"/>
      </bottom>
      <diagonal/>
    </border>
    <border>
      <left style="thin">
        <color auto="1"/>
      </left>
      <right/>
      <top style="medium">
        <color auto="1"/>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auto="1"/>
      </bottom>
      <diagonal/>
    </border>
    <border>
      <left style="thin">
        <color auto="1"/>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3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2" xfId="0" applyFont="1" applyBorder="1" applyAlignment="1">
      <alignment vertical="center" wrapText="1"/>
    </xf>
    <xf numFmtId="0" fontId="2" fillId="0" borderId="12" xfId="0" applyFont="1" applyFill="1" applyBorder="1" applyAlignment="1">
      <alignment horizontal="center"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1"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7"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27" xfId="0" applyNumberFormat="1" applyFont="1" applyBorder="1" applyAlignment="1">
      <alignment horizontal="center" vertical="center" wrapText="1"/>
    </xf>
    <xf numFmtId="0" fontId="7" fillId="0" borderId="12" xfId="0" applyNumberFormat="1" applyFont="1" applyBorder="1" applyAlignment="1">
      <alignment horizontal="center" vertical="center" wrapText="1"/>
    </xf>
    <xf numFmtId="0" fontId="7" fillId="0" borderId="30" xfId="0" applyNumberFormat="1" applyFont="1" applyBorder="1" applyAlignment="1">
      <alignment horizontal="center" vertical="center" wrapText="1"/>
    </xf>
    <xf numFmtId="49" fontId="5" fillId="0" borderId="0" xfId="1" applyNumberFormat="1" applyFont="1" applyFill="1" applyBorder="1" applyAlignment="1">
      <alignment horizontal="left" vertical="top" wrapText="1"/>
    </xf>
    <xf numFmtId="0" fontId="2" fillId="0" borderId="0" xfId="0" applyFont="1" applyFill="1" applyAlignment="1">
      <alignment vertical="top" wrapText="1"/>
    </xf>
    <xf numFmtId="0" fontId="10" fillId="0" borderId="0" xfId="0" applyFont="1" applyFill="1" applyAlignment="1">
      <alignment vertical="center" wrapText="1"/>
    </xf>
    <xf numFmtId="0" fontId="10" fillId="0" borderId="0" xfId="0" applyFont="1" applyBorder="1" applyAlignment="1">
      <alignment horizontal="center" vertical="center" wrapText="1"/>
    </xf>
    <xf numFmtId="49" fontId="3" fillId="0" borderId="0" xfId="0" applyNumberFormat="1" applyFont="1" applyFill="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vertical="center" wrapText="1"/>
    </xf>
    <xf numFmtId="0" fontId="3" fillId="0" borderId="0" xfId="0" applyFont="1" applyFill="1" applyAlignment="1">
      <alignment horizontal="left" vertical="center" wrapText="1"/>
    </xf>
    <xf numFmtId="0" fontId="2" fillId="0" borderId="0" xfId="0" applyFont="1" applyAlignment="1">
      <alignment horizontal="center" vertical="center" wrapText="1"/>
    </xf>
    <xf numFmtId="0" fontId="4" fillId="0" borderId="0" xfId="0" applyNumberFormat="1" applyFont="1" applyAlignment="1">
      <alignment horizontal="left" vertical="top" wrapText="1"/>
    </xf>
    <xf numFmtId="0" fontId="2" fillId="0" borderId="37" xfId="0" applyFont="1" applyFill="1" applyBorder="1" applyAlignment="1">
      <alignment horizontal="left" vertical="center" wrapText="1"/>
    </xf>
    <xf numFmtId="49" fontId="2" fillId="0" borderId="40"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41" xfId="0" applyNumberFormat="1" applyFont="1" applyBorder="1" applyAlignment="1">
      <alignment horizontal="center" vertical="center" wrapText="1"/>
    </xf>
    <xf numFmtId="0" fontId="7" fillId="0" borderId="42" xfId="0" applyNumberFormat="1" applyFont="1" applyBorder="1" applyAlignment="1">
      <alignment horizontal="center" vertical="center" wrapText="1"/>
    </xf>
    <xf numFmtId="0" fontId="7" fillId="0" borderId="43"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0" borderId="46" xfId="0" applyNumberFormat="1" applyFont="1" applyBorder="1" applyAlignment="1">
      <alignment horizontal="center" vertical="center" wrapText="1"/>
    </xf>
    <xf numFmtId="0" fontId="7" fillId="0" borderId="34" xfId="0" applyNumberFormat="1" applyFont="1" applyBorder="1" applyAlignment="1">
      <alignment horizontal="center" vertical="center" wrapText="1"/>
    </xf>
    <xf numFmtId="0" fontId="2" fillId="3" borderId="50" xfId="0" applyFont="1" applyFill="1" applyBorder="1" applyAlignment="1">
      <alignment horizontal="left" vertical="top" wrapText="1"/>
    </xf>
    <xf numFmtId="0" fontId="2" fillId="3" borderId="52" xfId="0" applyFont="1" applyFill="1" applyBorder="1" applyAlignment="1">
      <alignment horizontal="center" vertical="top" wrapText="1"/>
    </xf>
    <xf numFmtId="0" fontId="2" fillId="3" borderId="53" xfId="0" applyFont="1" applyFill="1" applyBorder="1" applyAlignment="1">
      <alignment horizontal="center" vertical="top" wrapText="1"/>
    </xf>
    <xf numFmtId="0" fontId="2" fillId="0" borderId="49" xfId="0" applyFont="1" applyFill="1" applyBorder="1" applyAlignment="1">
      <alignment vertical="center" wrapText="1"/>
    </xf>
    <xf numFmtId="0" fontId="2" fillId="0" borderId="44" xfId="0" applyFont="1" applyFill="1" applyBorder="1" applyAlignment="1">
      <alignment horizontal="center" vertical="center" wrapText="1"/>
    </xf>
    <xf numFmtId="49" fontId="2" fillId="2" borderId="41" xfId="0" applyNumberFormat="1" applyFont="1" applyFill="1" applyBorder="1" applyAlignment="1">
      <alignment horizontal="center" vertical="center" wrapText="1"/>
    </xf>
    <xf numFmtId="3" fontId="4" fillId="0" borderId="12" xfId="0" applyNumberFormat="1" applyFont="1" applyFill="1" applyBorder="1" applyAlignment="1">
      <alignment horizontal="center" vertical="center" wrapText="1"/>
    </xf>
    <xf numFmtId="4" fontId="18" fillId="0" borderId="45" xfId="0" applyNumberFormat="1" applyFont="1" applyFill="1" applyBorder="1" applyAlignment="1">
      <alignment horizontal="center" vertical="center" wrapText="1"/>
    </xf>
    <xf numFmtId="0" fontId="4" fillId="0" borderId="0" xfId="0" applyNumberFormat="1" applyFont="1" applyAlignment="1">
      <alignment horizontal="left" vertical="top" wrapText="1"/>
    </xf>
    <xf numFmtId="0" fontId="2" fillId="0" borderId="0" xfId="0" applyFont="1" applyAlignment="1">
      <alignment horizontal="center"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vertical="center" wrapText="1"/>
    </xf>
    <xf numFmtId="49" fontId="2" fillId="0" borderId="63" xfId="0" applyNumberFormat="1" applyFont="1" applyBorder="1" applyAlignment="1">
      <alignment horizontal="right" vertical="center" wrapText="1"/>
    </xf>
    <xf numFmtId="0" fontId="4" fillId="8" borderId="64" xfId="0" applyFont="1" applyFill="1" applyBorder="1" applyAlignment="1">
      <alignment vertical="center" wrapText="1"/>
    </xf>
    <xf numFmtId="49" fontId="2" fillId="0" borderId="65" xfId="0" applyNumberFormat="1" applyFont="1" applyBorder="1" applyAlignment="1">
      <alignment horizontal="center" vertical="center" wrapText="1"/>
    </xf>
    <xf numFmtId="49" fontId="2" fillId="0" borderId="40" xfId="0" applyNumberFormat="1" applyFont="1" applyBorder="1" applyAlignment="1">
      <alignment horizontal="right" vertical="center" wrapText="1"/>
    </xf>
    <xf numFmtId="49" fontId="2" fillId="0" borderId="67" xfId="0" applyNumberFormat="1" applyFont="1" applyBorder="1" applyAlignment="1">
      <alignment horizontal="center" vertical="center" wrapText="1"/>
    </xf>
    <xf numFmtId="49" fontId="2" fillId="0" borderId="63" xfId="0" applyNumberFormat="1" applyFont="1" applyBorder="1" applyAlignment="1">
      <alignment horizontal="center" vertical="center" wrapText="1"/>
    </xf>
    <xf numFmtId="0" fontId="4" fillId="8" borderId="25" xfId="0" applyFont="1" applyFill="1" applyBorder="1" applyAlignment="1">
      <alignment vertical="center" wrapText="1"/>
    </xf>
    <xf numFmtId="0" fontId="4" fillId="8" borderId="46" xfId="0" applyFont="1" applyFill="1" applyBorder="1" applyAlignment="1">
      <alignment vertical="center" wrapText="1"/>
    </xf>
    <xf numFmtId="0" fontId="4" fillId="8" borderId="48" xfId="0" applyFont="1" applyFill="1" applyBorder="1" applyAlignment="1">
      <alignment vertical="center" wrapText="1"/>
    </xf>
    <xf numFmtId="49" fontId="2" fillId="0" borderId="65" xfId="0" applyNumberFormat="1" applyFont="1" applyBorder="1" applyAlignment="1">
      <alignment horizontal="right" vertical="center" wrapText="1"/>
    </xf>
    <xf numFmtId="49" fontId="2" fillId="0" borderId="40" xfId="0" applyNumberFormat="1" applyFont="1" applyBorder="1" applyAlignment="1">
      <alignment horizontal="center" vertical="center" wrapText="1"/>
    </xf>
    <xf numFmtId="0" fontId="4" fillId="8" borderId="66" xfId="0" applyFont="1" applyFill="1" applyBorder="1" applyAlignment="1">
      <alignment vertical="center" wrapText="1"/>
    </xf>
    <xf numFmtId="49" fontId="2" fillId="0" borderId="8" xfId="0" applyNumberFormat="1" applyFont="1" applyBorder="1" applyAlignment="1">
      <alignment horizontal="center" vertical="center" wrapText="1"/>
    </xf>
    <xf numFmtId="0" fontId="4" fillId="8" borderId="48" xfId="0" applyFont="1" applyFill="1" applyBorder="1" applyAlignment="1">
      <alignment vertical="top" wrapText="1"/>
    </xf>
    <xf numFmtId="0" fontId="4" fillId="8" borderId="16" xfId="0" applyFont="1" applyFill="1" applyBorder="1" applyAlignment="1">
      <alignment vertical="center" wrapText="1"/>
    </xf>
    <xf numFmtId="49" fontId="2" fillId="0" borderId="11" xfId="0" applyNumberFormat="1" applyFont="1" applyBorder="1" applyAlignment="1">
      <alignment horizontal="center" vertical="center" wrapText="1"/>
    </xf>
    <xf numFmtId="0" fontId="4" fillId="8" borderId="71" xfId="0" applyFont="1" applyFill="1" applyBorder="1" applyAlignment="1">
      <alignment vertical="center" wrapText="1"/>
    </xf>
    <xf numFmtId="0" fontId="2" fillId="0" borderId="74" xfId="0" applyFont="1" applyFill="1" applyBorder="1" applyAlignment="1">
      <alignment horizontal="left" vertical="center" wrapText="1"/>
    </xf>
    <xf numFmtId="0" fontId="3" fillId="0" borderId="75" xfId="0" applyFont="1" applyFill="1" applyBorder="1" applyAlignment="1">
      <alignment horizontal="left" vertical="center" wrapText="1"/>
    </xf>
    <xf numFmtId="0" fontId="2" fillId="0" borderId="76" xfId="0" applyFont="1" applyFill="1" applyBorder="1" applyAlignment="1">
      <alignment horizontal="left" vertical="center" wrapText="1"/>
    </xf>
    <xf numFmtId="0" fontId="2" fillId="0" borderId="12" xfId="0" applyFont="1" applyBorder="1" applyAlignment="1">
      <alignment vertical="top" wrapText="1"/>
    </xf>
    <xf numFmtId="0" fontId="2" fillId="0" borderId="12" xfId="0" applyFont="1" applyBorder="1" applyAlignment="1">
      <alignment vertical="top"/>
    </xf>
    <xf numFmtId="0" fontId="2" fillId="0" borderId="12" xfId="0" applyFont="1" applyBorder="1" applyAlignment="1">
      <alignment horizontal="center" vertical="top" wrapText="1"/>
    </xf>
    <xf numFmtId="16" fontId="4" fillId="0" borderId="12" xfId="0" applyNumberFormat="1" applyFont="1" applyBorder="1" applyAlignment="1">
      <alignment horizontal="left" vertical="center" wrapText="1"/>
    </xf>
    <xf numFmtId="0" fontId="2" fillId="0" borderId="12" xfId="0" applyFont="1" applyBorder="1" applyAlignment="1">
      <alignment horizontal="center" vertical="top"/>
    </xf>
    <xf numFmtId="49" fontId="16" fillId="5" borderId="12" xfId="0" applyNumberFormat="1" applyFont="1" applyFill="1" applyBorder="1" applyAlignment="1">
      <alignment vertical="center" wrapText="1"/>
    </xf>
    <xf numFmtId="0" fontId="2" fillId="0" borderId="12" xfId="0" applyFont="1" applyBorder="1" applyAlignment="1">
      <alignment horizontal="center" vertical="center" wrapText="1"/>
    </xf>
    <xf numFmtId="49" fontId="5" fillId="8" borderId="26" xfId="0" applyNumberFormat="1" applyFont="1" applyFill="1" applyBorder="1" applyAlignment="1">
      <alignment horizontal="left" vertical="center" wrapText="1"/>
    </xf>
    <xf numFmtId="49" fontId="5" fillId="8" borderId="9" xfId="0" applyNumberFormat="1" applyFont="1" applyFill="1" applyBorder="1" applyAlignment="1">
      <alignment horizontal="left" vertical="center" wrapText="1"/>
    </xf>
    <xf numFmtId="49" fontId="4" fillId="8" borderId="9" xfId="0" applyNumberFormat="1" applyFont="1" applyFill="1" applyBorder="1" applyAlignment="1">
      <alignment horizontal="center" vertical="center" wrapText="1"/>
    </xf>
    <xf numFmtId="16" fontId="4" fillId="0" borderId="30" xfId="0" applyNumberFormat="1" applyFont="1" applyBorder="1" applyAlignment="1">
      <alignment horizontal="left" vertical="center" wrapText="1"/>
    </xf>
    <xf numFmtId="0" fontId="2" fillId="0" borderId="30" xfId="0" applyFont="1" applyBorder="1" applyAlignment="1">
      <alignment vertical="center" wrapText="1"/>
    </xf>
    <xf numFmtId="16" fontId="5" fillId="0" borderId="12" xfId="0" applyNumberFormat="1" applyFont="1" applyBorder="1" applyAlignment="1">
      <alignment horizontal="left" vertical="center" wrapText="1"/>
    </xf>
    <xf numFmtId="0" fontId="5" fillId="0" borderId="12" xfId="0" applyFont="1" applyBorder="1" applyAlignment="1">
      <alignment horizontal="center" vertical="center" wrapText="1"/>
    </xf>
    <xf numFmtId="49" fontId="4" fillId="8" borderId="13" xfId="0" applyNumberFormat="1" applyFont="1" applyFill="1" applyBorder="1" applyAlignment="1">
      <alignment horizontal="center" vertical="center" wrapText="1"/>
    </xf>
    <xf numFmtId="16" fontId="5" fillId="0" borderId="12" xfId="0" applyNumberFormat="1" applyFont="1" applyBorder="1" applyAlignment="1">
      <alignment vertical="center" wrapText="1"/>
    </xf>
    <xf numFmtId="16" fontId="5" fillId="0" borderId="12" xfId="0" applyNumberFormat="1" applyFont="1" applyBorder="1" applyAlignment="1">
      <alignment horizontal="center" vertical="center" wrapText="1"/>
    </xf>
    <xf numFmtId="16" fontId="4" fillId="0" borderId="12" xfId="0" applyNumberFormat="1" applyFont="1" applyBorder="1" applyAlignment="1">
      <alignment vertical="center" wrapText="1"/>
    </xf>
    <xf numFmtId="0" fontId="2" fillId="0" borderId="5" xfId="0" applyFont="1" applyBorder="1" applyAlignment="1">
      <alignment vertical="top"/>
    </xf>
    <xf numFmtId="0" fontId="2" fillId="0" borderId="6" xfId="0" applyFont="1" applyBorder="1" applyAlignment="1">
      <alignment vertical="top"/>
    </xf>
    <xf numFmtId="10" fontId="2" fillId="0" borderId="30" xfId="0" applyNumberFormat="1" applyFont="1" applyBorder="1" applyAlignment="1">
      <alignment horizontal="center" vertical="top"/>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25" xfId="0" applyFont="1" applyFill="1" applyBorder="1" applyAlignment="1">
      <alignment vertical="center" wrapText="1"/>
    </xf>
    <xf numFmtId="0" fontId="2" fillId="0" borderId="31" xfId="0" applyFont="1" applyFill="1" applyBorder="1" applyAlignment="1">
      <alignment vertical="center" wrapText="1"/>
    </xf>
    <xf numFmtId="0" fontId="2" fillId="0" borderId="48" xfId="0" applyFont="1" applyFill="1" applyBorder="1" applyAlignment="1">
      <alignment vertical="center" wrapText="1"/>
    </xf>
    <xf numFmtId="0" fontId="2" fillId="0" borderId="68" xfId="0" applyFont="1" applyFill="1" applyBorder="1" applyAlignment="1">
      <alignment vertical="center" wrapText="1"/>
    </xf>
    <xf numFmtId="0" fontId="2" fillId="0" borderId="52" xfId="0" applyFont="1" applyFill="1" applyBorder="1" applyAlignment="1">
      <alignment vertical="center" wrapText="1"/>
    </xf>
    <xf numFmtId="0" fontId="2" fillId="0" borderId="53" xfId="0" applyFont="1" applyFill="1" applyBorder="1" applyAlignment="1">
      <alignment vertical="center" wrapText="1"/>
    </xf>
    <xf numFmtId="0" fontId="2" fillId="0" borderId="46" xfId="0" applyFont="1" applyFill="1" applyBorder="1" applyAlignment="1">
      <alignment vertical="center" wrapText="1"/>
    </xf>
    <xf numFmtId="0" fontId="2" fillId="0" borderId="47" xfId="0" applyFont="1" applyFill="1" applyBorder="1" applyAlignment="1">
      <alignment vertical="center" wrapText="1"/>
    </xf>
    <xf numFmtId="49" fontId="5" fillId="0" borderId="72" xfId="1" applyNumberFormat="1" applyFont="1" applyFill="1" applyBorder="1" applyAlignment="1">
      <alignment horizontal="center" vertical="top" wrapText="1"/>
    </xf>
    <xf numFmtId="49" fontId="5" fillId="0" borderId="73" xfId="1" applyNumberFormat="1" applyFont="1" applyFill="1" applyBorder="1" applyAlignment="1">
      <alignment horizontal="center" vertical="top" wrapText="1"/>
    </xf>
    <xf numFmtId="0" fontId="3" fillId="4" borderId="0" xfId="0" applyFont="1" applyFill="1" applyBorder="1" applyAlignment="1">
      <alignment horizontal="center"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70" xfId="0" applyFont="1" applyFill="1" applyBorder="1" applyAlignment="1">
      <alignment vertical="center" wrapText="1"/>
    </xf>
    <xf numFmtId="0" fontId="2" fillId="0" borderId="39" xfId="0" applyFont="1" applyFill="1" applyBorder="1" applyAlignment="1">
      <alignment vertical="center" wrapText="1"/>
    </xf>
    <xf numFmtId="0" fontId="2" fillId="0" borderId="37" xfId="0" applyFont="1" applyFill="1" applyBorder="1" applyAlignment="1">
      <alignment vertical="center" wrapText="1"/>
    </xf>
    <xf numFmtId="0" fontId="2" fillId="0" borderId="69" xfId="0" applyFont="1" applyFill="1" applyBorder="1" applyAlignment="1">
      <alignmen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49" fontId="5" fillId="5" borderId="5" xfId="0" applyNumberFormat="1" applyFont="1" applyFill="1" applyBorder="1" applyAlignment="1">
      <alignment horizontal="left" vertical="center" wrapText="1"/>
    </xf>
    <xf numFmtId="49" fontId="5" fillId="5" borderId="32" xfId="0" applyNumberFormat="1" applyFont="1" applyFill="1" applyBorder="1" applyAlignment="1">
      <alignment horizontal="left" vertical="center" wrapText="1"/>
    </xf>
    <xf numFmtId="49" fontId="5" fillId="5" borderId="6" xfId="0" applyNumberFormat="1" applyFont="1" applyFill="1" applyBorder="1" applyAlignment="1">
      <alignment horizontal="left" vertical="center" wrapText="1"/>
    </xf>
    <xf numFmtId="0" fontId="13" fillId="6" borderId="32" xfId="0" applyFont="1" applyFill="1" applyBorder="1" applyAlignment="1">
      <alignment horizontal="left" vertical="center" wrapText="1"/>
    </xf>
    <xf numFmtId="0" fontId="13" fillId="6" borderId="6" xfId="0" applyFont="1" applyFill="1" applyBorder="1" applyAlignment="1">
      <alignment horizontal="left" vertical="center" wrapText="1"/>
    </xf>
    <xf numFmtId="0" fontId="14" fillId="7" borderId="32" xfId="0" applyFont="1" applyFill="1" applyBorder="1" applyAlignment="1">
      <alignment horizontal="left" vertical="center" wrapText="1"/>
    </xf>
    <xf numFmtId="0" fontId="14" fillId="7" borderId="6" xfId="0" applyFont="1" applyFill="1" applyBorder="1" applyAlignment="1">
      <alignment horizontal="left"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0" borderId="0" xfId="0" applyFont="1" applyAlignment="1">
      <alignment horizontal="center"/>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0"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16" fontId="4" fillId="0" borderId="29" xfId="0" applyNumberFormat="1" applyFont="1" applyBorder="1" applyAlignment="1">
      <alignment horizontal="left" vertical="center" wrapText="1"/>
    </xf>
    <xf numFmtId="16" fontId="4" fillId="0" borderId="46" xfId="0" applyNumberFormat="1" applyFont="1" applyBorder="1" applyAlignment="1">
      <alignment horizontal="left" vertical="center" wrapText="1"/>
    </xf>
    <xf numFmtId="16" fontId="4" fillId="0" borderId="33" xfId="0" applyNumberFormat="1" applyFont="1" applyBorder="1" applyAlignment="1">
      <alignment horizontal="left" vertical="center" wrapText="1"/>
    </xf>
    <xf numFmtId="16" fontId="5" fillId="0" borderId="12" xfId="0" applyNumberFormat="1" applyFont="1" applyBorder="1" applyAlignment="1">
      <alignment horizontal="left" vertical="center" wrapText="1"/>
    </xf>
    <xf numFmtId="0" fontId="2" fillId="3" borderId="78" xfId="0" applyFont="1" applyFill="1" applyBorder="1" applyAlignment="1">
      <alignment horizontal="center" vertical="top" wrapText="1"/>
    </xf>
    <xf numFmtId="0" fontId="2" fillId="3" borderId="55" xfId="0" applyFont="1" applyFill="1" applyBorder="1" applyAlignment="1">
      <alignment horizontal="center" vertical="top" wrapText="1"/>
    </xf>
    <xf numFmtId="0" fontId="2" fillId="3" borderId="77" xfId="0" applyFont="1" applyFill="1" applyBorder="1" applyAlignment="1">
      <alignment horizontal="center" vertical="top" wrapText="1"/>
    </xf>
    <xf numFmtId="0" fontId="4" fillId="0" borderId="79" xfId="0" applyFont="1" applyFill="1" applyBorder="1" applyAlignment="1">
      <alignment horizontal="left" vertical="center" wrapText="1"/>
    </xf>
    <xf numFmtId="0" fontId="4" fillId="0" borderId="80" xfId="0" applyFont="1" applyFill="1" applyBorder="1" applyAlignment="1">
      <alignment horizontal="left" vertical="center" wrapText="1"/>
    </xf>
    <xf numFmtId="0" fontId="4" fillId="0" borderId="81" xfId="0" applyFont="1" applyFill="1" applyBorder="1" applyAlignment="1">
      <alignment horizontal="left" vertical="center" wrapText="1"/>
    </xf>
    <xf numFmtId="16" fontId="5" fillId="0" borderId="27" xfId="0" applyNumberFormat="1" applyFont="1" applyBorder="1" applyAlignment="1">
      <alignment horizontal="left" vertical="center" wrapText="1"/>
    </xf>
    <xf numFmtId="0" fontId="2" fillId="0" borderId="0" xfId="0" applyFont="1" applyFill="1" applyAlignment="1">
      <alignment horizontal="left" wrapText="1"/>
    </xf>
    <xf numFmtId="0" fontId="14" fillId="6" borderId="54" xfId="0" applyFont="1" applyFill="1" applyBorder="1" applyAlignment="1">
      <alignment horizontal="left" vertical="center" wrapText="1"/>
    </xf>
    <xf numFmtId="0" fontId="14" fillId="6" borderId="55" xfId="0" applyFont="1" applyFill="1" applyBorder="1" applyAlignment="1">
      <alignment horizontal="left" vertical="center" wrapText="1"/>
    </xf>
    <xf numFmtId="0" fontId="14" fillId="6" borderId="56" xfId="0" applyFont="1" applyFill="1" applyBorder="1" applyAlignment="1">
      <alignment horizontal="left" vertical="center" wrapText="1"/>
    </xf>
    <xf numFmtId="0" fontId="7" fillId="2" borderId="20" xfId="5" applyFont="1" applyFill="1" applyBorder="1" applyAlignment="1">
      <alignment horizontal="center" vertical="center" wrapText="1"/>
    </xf>
    <xf numFmtId="49" fontId="3" fillId="2" borderId="57"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58" xfId="0" applyNumberFormat="1" applyFont="1" applyFill="1" applyBorder="1" applyAlignment="1">
      <alignment horizontal="center" vertical="center" wrapText="1"/>
    </xf>
    <xf numFmtId="49" fontId="2" fillId="2" borderId="59" xfId="0" applyNumberFormat="1" applyFont="1" applyFill="1" applyBorder="1" applyAlignment="1">
      <alignment horizontal="center" vertical="center" wrapText="1"/>
    </xf>
    <xf numFmtId="49" fontId="14" fillId="6" borderId="60" xfId="0" applyNumberFormat="1" applyFont="1" applyFill="1" applyBorder="1" applyAlignment="1">
      <alignment horizontal="left" vertical="center" wrapText="1"/>
    </xf>
    <xf numFmtId="49" fontId="14" fillId="6" borderId="77" xfId="0" applyNumberFormat="1" applyFont="1" applyFill="1" applyBorder="1" applyAlignment="1">
      <alignment horizontal="left" vertical="center" wrapText="1"/>
    </xf>
    <xf numFmtId="49" fontId="14" fillId="6" borderId="61" xfId="0" applyNumberFormat="1" applyFont="1" applyFill="1" applyBorder="1" applyAlignment="1">
      <alignment horizontal="left" vertical="center" wrapText="1"/>
    </xf>
    <xf numFmtId="49" fontId="14" fillId="6" borderId="62" xfId="0" applyNumberFormat="1" applyFont="1" applyFill="1" applyBorder="1" applyAlignment="1">
      <alignment horizontal="left" vertical="center" wrapText="1"/>
    </xf>
    <xf numFmtId="49" fontId="16" fillId="5" borderId="50" xfId="0" applyNumberFormat="1" applyFont="1" applyFill="1" applyBorder="1" applyAlignment="1">
      <alignment horizontal="left" vertical="center" wrapText="1"/>
    </xf>
    <xf numFmtId="49" fontId="16" fillId="5" borderId="51" xfId="0" applyNumberFormat="1" applyFont="1" applyFill="1" applyBorder="1" applyAlignment="1">
      <alignment horizontal="left" vertical="center" wrapText="1"/>
    </xf>
    <xf numFmtId="49" fontId="16" fillId="5" borderId="52" xfId="0" applyNumberFormat="1" applyFont="1" applyFill="1" applyBorder="1" applyAlignment="1">
      <alignment horizontal="left" vertical="center" wrapText="1"/>
    </xf>
    <xf numFmtId="49" fontId="16" fillId="5" borderId="53" xfId="0" applyNumberFormat="1" applyFont="1" applyFill="1" applyBorder="1" applyAlignment="1">
      <alignment horizontal="left" vertical="center" wrapText="1"/>
    </xf>
    <xf numFmtId="49" fontId="2" fillId="0" borderId="27"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16" fontId="4" fillId="0" borderId="12" xfId="0" applyNumberFormat="1" applyFont="1" applyBorder="1" applyAlignment="1">
      <alignment horizontal="left" vertical="center" wrapText="1"/>
    </xf>
    <xf numFmtId="49" fontId="4" fillId="8" borderId="9" xfId="0" applyNumberFormat="1" applyFont="1" applyFill="1" applyBorder="1" applyAlignment="1">
      <alignment horizontal="center" vertical="center" wrapText="1"/>
    </xf>
    <xf numFmtId="49" fontId="4" fillId="8" borderId="13" xfId="0" applyNumberFormat="1" applyFont="1" applyFill="1" applyBorder="1" applyAlignment="1">
      <alignment horizontal="center" vertical="center" wrapText="1"/>
    </xf>
    <xf numFmtId="0" fontId="2" fillId="0" borderId="5" xfId="0" applyFont="1" applyBorder="1" applyAlignment="1">
      <alignment horizontal="left" vertical="top"/>
    </xf>
    <xf numFmtId="0" fontId="2" fillId="0" borderId="32" xfId="0" applyFont="1" applyBorder="1" applyAlignment="1">
      <alignment horizontal="left" vertical="top"/>
    </xf>
    <xf numFmtId="16" fontId="5" fillId="0" borderId="5" xfId="0" applyNumberFormat="1" applyFont="1" applyBorder="1" applyAlignment="1">
      <alignment horizontal="left" vertical="center" wrapText="1"/>
    </xf>
    <xf numFmtId="16" fontId="5" fillId="0" borderId="6" xfId="0" applyNumberFormat="1" applyFont="1" applyBorder="1" applyAlignment="1">
      <alignment horizontal="left" vertical="center" wrapText="1"/>
    </xf>
    <xf numFmtId="16" fontId="4" fillId="0" borderId="5" xfId="0" applyNumberFormat="1" applyFont="1" applyBorder="1" applyAlignment="1">
      <alignment horizontal="left" vertical="center" wrapText="1"/>
    </xf>
    <xf numFmtId="16" fontId="4" fillId="0" borderId="6" xfId="0" applyNumberFormat="1" applyFont="1" applyBorder="1" applyAlignment="1">
      <alignment horizontal="left" vertical="center" wrapText="1"/>
    </xf>
    <xf numFmtId="0" fontId="3" fillId="0" borderId="5" xfId="0" applyFont="1" applyBorder="1" applyAlignment="1">
      <alignment horizontal="left" vertical="top"/>
    </xf>
    <xf numFmtId="0" fontId="3" fillId="0" borderId="6" xfId="0" applyFont="1" applyBorder="1" applyAlignment="1">
      <alignment horizontal="left" vertical="top"/>
    </xf>
    <xf numFmtId="49" fontId="2" fillId="0" borderId="30" xfId="0" applyNumberFormat="1" applyFont="1" applyBorder="1" applyAlignment="1">
      <alignment horizontal="left" vertical="center" wrapText="1"/>
    </xf>
    <xf numFmtId="49" fontId="2" fillId="0" borderId="82" xfId="0" applyNumberFormat="1"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F108"/>
  <sheetViews>
    <sheetView showGridLines="0" tabSelected="1" topLeftCell="A40" zoomScaleNormal="100" workbookViewId="0">
      <selection activeCell="E31" sqref="E31"/>
    </sheetView>
  </sheetViews>
  <sheetFormatPr defaultColWidth="9.140625" defaultRowHeight="12.75" x14ac:dyDescent="0.2"/>
  <cols>
    <col min="1" max="1" width="13.4257812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70" t="s">
        <v>48</v>
      </c>
      <c r="B1" s="170"/>
      <c r="C1" s="170"/>
      <c r="D1" s="170"/>
      <c r="E1" s="170"/>
    </row>
    <row r="2" spans="1:5" ht="27.75" customHeight="1" x14ac:dyDescent="0.2">
      <c r="A2" s="180" t="s">
        <v>46</v>
      </c>
      <c r="B2" s="180"/>
      <c r="C2" s="180"/>
      <c r="D2" s="180"/>
      <c r="E2" s="180"/>
    </row>
    <row r="3" spans="1:5" ht="56.1" customHeight="1" x14ac:dyDescent="0.2">
      <c r="A3" s="149" t="s">
        <v>52</v>
      </c>
      <c r="B3" s="149"/>
      <c r="C3" s="149"/>
      <c r="D3" s="149"/>
      <c r="E3" s="149"/>
    </row>
    <row r="4" spans="1:5" ht="24.95" customHeight="1" x14ac:dyDescent="0.2">
      <c r="A4" s="44" t="s">
        <v>51</v>
      </c>
      <c r="B4" s="47"/>
      <c r="C4" s="39"/>
      <c r="D4" s="39"/>
      <c r="E4" s="39"/>
    </row>
    <row r="5" spans="1:5" ht="24.95" customHeight="1" x14ac:dyDescent="0.2">
      <c r="A5" s="44" t="s">
        <v>49</v>
      </c>
      <c r="B5" s="48"/>
      <c r="C5" s="39"/>
      <c r="D5" s="39"/>
      <c r="E5" s="39"/>
    </row>
    <row r="6" spans="1:5" ht="5.0999999999999996" customHeight="1" x14ac:dyDescent="0.2">
      <c r="A6" s="39"/>
      <c r="B6" s="39"/>
      <c r="C6" s="39"/>
      <c r="D6" s="39"/>
      <c r="E6" s="39"/>
    </row>
    <row r="7" spans="1:5" s="2" customFormat="1" ht="20.100000000000001" customHeight="1" x14ac:dyDescent="0.25">
      <c r="A7" s="141" t="s">
        <v>4</v>
      </c>
      <c r="B7" s="141"/>
      <c r="C7" s="141"/>
      <c r="D7" s="141"/>
      <c r="E7" s="141"/>
    </row>
    <row r="8" spans="1:5" s="2" customFormat="1" ht="20.100000000000001" customHeight="1" x14ac:dyDescent="0.25">
      <c r="A8" s="150" t="s">
        <v>8</v>
      </c>
      <c r="B8" s="150"/>
      <c r="C8" s="150"/>
      <c r="D8" s="150"/>
      <c r="E8" s="150"/>
    </row>
    <row r="9" spans="1:5" ht="24.95" customHeight="1" x14ac:dyDescent="0.2">
      <c r="A9" s="151" t="s">
        <v>104</v>
      </c>
      <c r="B9" s="151"/>
      <c r="C9" s="151"/>
      <c r="D9" s="151"/>
      <c r="E9" s="151"/>
    </row>
    <row r="10" spans="1:5" ht="4.5" customHeight="1" x14ac:dyDescent="0.2">
      <c r="A10" s="41"/>
      <c r="B10" s="41"/>
      <c r="C10" s="41"/>
      <c r="D10" s="41"/>
      <c r="E10" s="41"/>
    </row>
    <row r="11" spans="1:5" s="2" customFormat="1" ht="20.100000000000001" customHeight="1" x14ac:dyDescent="0.25">
      <c r="A11" s="152" t="s">
        <v>9</v>
      </c>
      <c r="B11" s="152"/>
      <c r="C11" s="152"/>
      <c r="D11" s="152"/>
      <c r="E11" s="152"/>
    </row>
    <row r="12" spans="1:5" s="2" customFormat="1" ht="24.95" customHeight="1" x14ac:dyDescent="0.2">
      <c r="A12" s="153" t="s">
        <v>78</v>
      </c>
      <c r="B12" s="153"/>
      <c r="C12" s="153"/>
      <c r="D12" s="15"/>
      <c r="E12" s="15"/>
    </row>
    <row r="13" spans="1:5" s="3" customFormat="1" ht="20.100000000000001" customHeight="1" x14ac:dyDescent="0.25">
      <c r="A13" s="153" t="s">
        <v>24</v>
      </c>
      <c r="B13" s="153"/>
      <c r="C13" s="153"/>
      <c r="D13" s="21"/>
      <c r="E13" s="22"/>
    </row>
    <row r="14" spans="1:5" ht="4.5" customHeight="1" x14ac:dyDescent="0.2">
      <c r="A14" s="41"/>
      <c r="B14" s="41"/>
      <c r="C14" s="41"/>
      <c r="D14" s="41"/>
      <c r="E14" s="41"/>
    </row>
    <row r="15" spans="1:5" x14ac:dyDescent="0.2">
      <c r="A15" s="40" t="s">
        <v>10</v>
      </c>
      <c r="B15" s="23"/>
      <c r="C15" s="23"/>
      <c r="D15" s="24"/>
      <c r="E15" s="24"/>
    </row>
    <row r="16" spans="1:5" s="3" customFormat="1" ht="24.95" customHeight="1" x14ac:dyDescent="0.25">
      <c r="A16" s="159" t="s">
        <v>56</v>
      </c>
      <c r="B16" s="159"/>
      <c r="C16" s="159"/>
      <c r="D16" s="21"/>
      <c r="E16" s="22"/>
    </row>
    <row r="17" spans="1:5" ht="5.0999999999999996" customHeight="1" x14ac:dyDescent="0.2">
      <c r="A17" s="140"/>
      <c r="B17" s="140"/>
      <c r="C17" s="140"/>
      <c r="E17" s="16"/>
    </row>
    <row r="18" spans="1:5" s="2" customFormat="1" ht="20.100000000000001" customHeight="1" x14ac:dyDescent="0.25">
      <c r="A18" s="141" t="s">
        <v>21</v>
      </c>
      <c r="B18" s="141"/>
      <c r="C18" s="141"/>
      <c r="D18" s="141"/>
      <c r="E18" s="141"/>
    </row>
    <row r="19" spans="1:5" ht="24.95" customHeight="1" x14ac:dyDescent="0.2">
      <c r="A19" s="153" t="s">
        <v>105</v>
      </c>
      <c r="B19" s="153"/>
      <c r="C19" s="153"/>
      <c r="D19" s="153"/>
      <c r="E19" s="153"/>
    </row>
    <row r="20" spans="1:5" ht="10.5" customHeight="1" x14ac:dyDescent="0.2">
      <c r="A20" s="140"/>
      <c r="B20" s="140"/>
      <c r="C20" s="140"/>
      <c r="E20" s="16"/>
    </row>
    <row r="21" spans="1:5" s="2" customFormat="1" ht="20.100000000000001" customHeight="1" x14ac:dyDescent="0.25">
      <c r="A21" s="141" t="s">
        <v>22</v>
      </c>
      <c r="B21" s="141"/>
      <c r="C21" s="141"/>
      <c r="D21" s="141"/>
      <c r="E21" s="141"/>
    </row>
    <row r="22" spans="1:5" s="9" customFormat="1" ht="20.100000000000001" customHeight="1" x14ac:dyDescent="0.25">
      <c r="A22" s="154" t="s">
        <v>5</v>
      </c>
      <c r="B22" s="154"/>
      <c r="C22" s="154"/>
      <c r="D22" s="154"/>
      <c r="E22" s="154"/>
    </row>
    <row r="23" spans="1:5" s="9" customFormat="1" ht="20.100000000000001" customHeight="1" x14ac:dyDescent="0.25">
      <c r="A23" s="157" t="s">
        <v>16</v>
      </c>
      <c r="B23" s="158"/>
      <c r="C23" s="14"/>
      <c r="D23" s="14"/>
      <c r="E23" s="14"/>
    </row>
    <row r="24" spans="1:5" s="9" customFormat="1" ht="20.100000000000001" customHeight="1" x14ac:dyDescent="0.25">
      <c r="A24" s="13"/>
      <c r="B24" s="61" t="s">
        <v>19</v>
      </c>
      <c r="C24" s="14"/>
      <c r="D24" s="14"/>
      <c r="E24" s="14"/>
    </row>
    <row r="25" spans="1:5" s="9" customFormat="1" ht="20.100000000000001" customHeight="1" x14ac:dyDescent="0.25">
      <c r="A25" s="13"/>
      <c r="B25" s="13" t="s">
        <v>20</v>
      </c>
      <c r="C25" s="14"/>
      <c r="D25" s="14"/>
      <c r="E25" s="14"/>
    </row>
    <row r="26" spans="1:5" s="9" customFormat="1" ht="20.100000000000001" customHeight="1" x14ac:dyDescent="0.25">
      <c r="A26" s="157" t="s">
        <v>17</v>
      </c>
      <c r="B26" s="158"/>
      <c r="C26" s="14"/>
      <c r="D26" s="14"/>
      <c r="E26" s="14"/>
    </row>
    <row r="27" spans="1:5" s="9" customFormat="1" ht="31.5" customHeight="1" x14ac:dyDescent="0.25">
      <c r="A27" s="19" t="s">
        <v>66</v>
      </c>
      <c r="B27" s="155" t="s">
        <v>12</v>
      </c>
      <c r="C27" s="156"/>
      <c r="D27" s="20" t="s">
        <v>11</v>
      </c>
      <c r="E27" s="20" t="s">
        <v>103</v>
      </c>
    </row>
    <row r="28" spans="1:5" s="9" customFormat="1" ht="24.95" customHeight="1" x14ac:dyDescent="0.25">
      <c r="A28" s="163" t="s">
        <v>267</v>
      </c>
      <c r="B28" s="163"/>
      <c r="C28" s="163"/>
      <c r="D28" s="163"/>
      <c r="E28" s="164"/>
    </row>
    <row r="29" spans="1:5" s="9" customFormat="1" ht="24.95" customHeight="1" x14ac:dyDescent="0.25">
      <c r="A29" s="17" t="s">
        <v>67</v>
      </c>
      <c r="B29" s="142" t="s">
        <v>268</v>
      </c>
      <c r="C29" s="143"/>
      <c r="D29" s="18" t="s">
        <v>1</v>
      </c>
      <c r="E29" s="80">
        <v>1300</v>
      </c>
    </row>
    <row r="30" spans="1:5" s="9" customFormat="1" ht="24.95" customHeight="1" x14ac:dyDescent="0.25">
      <c r="A30" s="165" t="s">
        <v>272</v>
      </c>
      <c r="B30" s="165"/>
      <c r="C30" s="165"/>
      <c r="D30" s="165"/>
      <c r="E30" s="166"/>
    </row>
    <row r="31" spans="1:5" s="9" customFormat="1" ht="24.95" customHeight="1" x14ac:dyDescent="0.25">
      <c r="A31" s="17" t="s">
        <v>67</v>
      </c>
      <c r="B31" s="142" t="s">
        <v>273</v>
      </c>
      <c r="C31" s="143"/>
      <c r="D31" s="18" t="s">
        <v>1</v>
      </c>
      <c r="E31" s="80">
        <v>320</v>
      </c>
    </row>
    <row r="32" spans="1:5" s="9" customFormat="1" ht="4.5" customHeight="1" x14ac:dyDescent="0.25">
      <c r="A32" s="58"/>
      <c r="B32" s="58"/>
      <c r="C32" s="58"/>
      <c r="D32" s="14"/>
      <c r="E32" s="14"/>
    </row>
    <row r="33" spans="1:6" s="9" customFormat="1" ht="20.100000000000001" customHeight="1" x14ac:dyDescent="0.25">
      <c r="A33" s="157" t="s">
        <v>18</v>
      </c>
      <c r="B33" s="158"/>
      <c r="C33" s="58"/>
      <c r="D33" s="14"/>
      <c r="E33" s="14"/>
    </row>
    <row r="34" spans="1:6" s="9" customFormat="1" ht="20.100000000000001" customHeight="1" x14ac:dyDescent="0.2">
      <c r="A34" s="10"/>
      <c r="B34" s="9" t="s">
        <v>2</v>
      </c>
      <c r="C34" s="14"/>
      <c r="D34" s="14"/>
      <c r="E34" s="14"/>
    </row>
    <row r="35" spans="1:6" s="9" customFormat="1" ht="20.100000000000001" customHeight="1" x14ac:dyDescent="0.25">
      <c r="A35" s="13"/>
      <c r="B35" s="2" t="s">
        <v>3</v>
      </c>
      <c r="C35" s="14"/>
      <c r="D35" s="14"/>
      <c r="E35" s="14"/>
    </row>
    <row r="36" spans="1:6" ht="5.0999999999999996" customHeight="1" x14ac:dyDescent="0.2"/>
    <row r="37" spans="1:6" s="2" customFormat="1" ht="20.100000000000001" customHeight="1" x14ac:dyDescent="0.25">
      <c r="A37" s="141" t="s">
        <v>23</v>
      </c>
      <c r="B37" s="141"/>
      <c r="C37" s="141"/>
      <c r="D37" s="141"/>
      <c r="E37" s="141"/>
    </row>
    <row r="38" spans="1:6" s="2" customFormat="1" ht="5.0999999999999996" customHeight="1" x14ac:dyDescent="0.25">
      <c r="A38" s="16"/>
      <c r="C38" s="6"/>
      <c r="D38" s="6"/>
      <c r="E38" s="6"/>
    </row>
    <row r="39" spans="1:6" s="27" customFormat="1" ht="30.75" customHeight="1" x14ac:dyDescent="0.25">
      <c r="A39" s="160" t="s">
        <v>106</v>
      </c>
      <c r="B39" s="161"/>
      <c r="C39" s="161"/>
      <c r="D39" s="161"/>
      <c r="E39" s="162"/>
    </row>
    <row r="40" spans="1:6" s="3" customFormat="1" ht="5.0999999999999996" customHeight="1" x14ac:dyDescent="0.25">
      <c r="A40" s="5"/>
      <c r="B40" s="5"/>
      <c r="C40" s="7"/>
      <c r="D40" s="7"/>
      <c r="E40" s="28"/>
    </row>
    <row r="41" spans="1:6" s="2" customFormat="1" ht="20.100000000000001" customHeight="1" x14ac:dyDescent="0.25">
      <c r="A41" s="141" t="s">
        <v>47</v>
      </c>
      <c r="B41" s="141"/>
      <c r="C41" s="141"/>
      <c r="D41" s="141"/>
      <c r="E41" s="141"/>
    </row>
    <row r="42" spans="1:6" s="2" customFormat="1" ht="5.0999999999999996" customHeight="1" thickBot="1" x14ac:dyDescent="0.3">
      <c r="A42" s="16"/>
      <c r="C42" s="6"/>
      <c r="D42" s="6"/>
      <c r="E42" s="6"/>
    </row>
    <row r="43" spans="1:6" s="3" customFormat="1" ht="69" customHeight="1" x14ac:dyDescent="0.25">
      <c r="A43" s="171" t="s">
        <v>7</v>
      </c>
      <c r="B43" s="172"/>
      <c r="C43" s="175" t="s">
        <v>28</v>
      </c>
      <c r="D43" s="176"/>
      <c r="E43" s="177"/>
    </row>
    <row r="44" spans="1:6" s="3" customFormat="1" ht="30" customHeight="1" thickBot="1" x14ac:dyDescent="0.3">
      <c r="A44" s="173"/>
      <c r="B44" s="174"/>
      <c r="C44" s="26" t="s">
        <v>6</v>
      </c>
      <c r="D44" s="178" t="s">
        <v>29</v>
      </c>
      <c r="E44" s="179"/>
    </row>
    <row r="45" spans="1:6" s="3" customFormat="1" ht="53.25" customHeight="1" x14ac:dyDescent="0.25">
      <c r="A45" s="90" t="s">
        <v>14</v>
      </c>
      <c r="B45" s="100" t="s">
        <v>107</v>
      </c>
      <c r="C45" s="51"/>
      <c r="D45" s="133"/>
      <c r="E45" s="134"/>
    </row>
    <row r="46" spans="1:6" s="2" customFormat="1" ht="53.25" customHeight="1" x14ac:dyDescent="0.25">
      <c r="A46" s="91" t="s">
        <v>57</v>
      </c>
      <c r="B46" s="92" t="s">
        <v>80</v>
      </c>
      <c r="C46" s="52"/>
      <c r="D46" s="131"/>
      <c r="E46" s="132"/>
      <c r="F46" s="148"/>
    </row>
    <row r="47" spans="1:6" s="2" customFormat="1" ht="25.5" customHeight="1" x14ac:dyDescent="0.25">
      <c r="A47" s="88" t="s">
        <v>58</v>
      </c>
      <c r="B47" s="93" t="s">
        <v>81</v>
      </c>
      <c r="C47" s="52"/>
      <c r="D47" s="129"/>
      <c r="E47" s="130"/>
      <c r="F47" s="148"/>
    </row>
    <row r="48" spans="1:6" s="2" customFormat="1" ht="25.5" customHeight="1" x14ac:dyDescent="0.25">
      <c r="A48" s="89" t="s">
        <v>68</v>
      </c>
      <c r="B48" s="94" t="s">
        <v>82</v>
      </c>
      <c r="C48" s="69"/>
      <c r="D48" s="135"/>
      <c r="E48" s="136"/>
      <c r="F48" s="148"/>
    </row>
    <row r="49" spans="1:6" s="3" customFormat="1" ht="35.25" customHeight="1" x14ac:dyDescent="0.25">
      <c r="A49" s="86" t="s">
        <v>69</v>
      </c>
      <c r="B49" s="94" t="s">
        <v>83</v>
      </c>
      <c r="C49" s="71"/>
      <c r="D49" s="129"/>
      <c r="E49" s="130"/>
      <c r="F49" s="148"/>
    </row>
    <row r="50" spans="1:6" s="3" customFormat="1" ht="25.5" customHeight="1" x14ac:dyDescent="0.25">
      <c r="A50" s="95" t="s">
        <v>70</v>
      </c>
      <c r="B50" s="94" t="s">
        <v>90</v>
      </c>
      <c r="C50" s="72"/>
      <c r="D50" s="129"/>
      <c r="E50" s="130"/>
      <c r="F50" s="148"/>
    </row>
    <row r="51" spans="1:6" s="3" customFormat="1" ht="50.25" customHeight="1" x14ac:dyDescent="0.25">
      <c r="A51" s="86" t="s">
        <v>71</v>
      </c>
      <c r="B51" s="94" t="s">
        <v>84</v>
      </c>
      <c r="C51" s="71"/>
      <c r="D51" s="131"/>
      <c r="E51" s="132"/>
      <c r="F51" s="148"/>
    </row>
    <row r="52" spans="1:6" s="2" customFormat="1" ht="126" customHeight="1" x14ac:dyDescent="0.25">
      <c r="A52" s="95" t="s">
        <v>72</v>
      </c>
      <c r="B52" s="92" t="s">
        <v>85</v>
      </c>
      <c r="C52" s="73"/>
      <c r="D52" s="131"/>
      <c r="E52" s="132"/>
      <c r="F52" s="148"/>
    </row>
    <row r="53" spans="1:6" s="2" customFormat="1" ht="219.75" customHeight="1" x14ac:dyDescent="0.25">
      <c r="A53" s="96" t="s">
        <v>59</v>
      </c>
      <c r="B53" s="87" t="s">
        <v>91</v>
      </c>
      <c r="C53" s="52"/>
      <c r="D53" s="131"/>
      <c r="E53" s="132"/>
    </row>
    <row r="54" spans="1:6" s="2" customFormat="1" ht="121.5" customHeight="1" x14ac:dyDescent="0.25">
      <c r="A54" s="96" t="s">
        <v>60</v>
      </c>
      <c r="B54" s="94" t="s">
        <v>92</v>
      </c>
      <c r="C54" s="52"/>
      <c r="D54" s="131"/>
      <c r="E54" s="132"/>
    </row>
    <row r="55" spans="1:6" s="3" customFormat="1" ht="107.25" customHeight="1" x14ac:dyDescent="0.25">
      <c r="A55" s="96" t="s">
        <v>61</v>
      </c>
      <c r="B55" s="94" t="s">
        <v>93</v>
      </c>
      <c r="C55" s="70"/>
      <c r="D55" s="129"/>
      <c r="E55" s="130"/>
    </row>
    <row r="56" spans="1:6" s="30" customFormat="1" ht="79.5" customHeight="1" x14ac:dyDescent="0.25">
      <c r="A56" s="96" t="s">
        <v>62</v>
      </c>
      <c r="B56" s="92" t="s">
        <v>94</v>
      </c>
      <c r="C56" s="73"/>
      <c r="D56" s="144"/>
      <c r="E56" s="145"/>
    </row>
    <row r="57" spans="1:6" s="30" customFormat="1" ht="84.75" customHeight="1" x14ac:dyDescent="0.25">
      <c r="A57" s="91" t="s">
        <v>63</v>
      </c>
      <c r="B57" s="87" t="s">
        <v>95</v>
      </c>
      <c r="C57" s="52"/>
      <c r="D57" s="146"/>
      <c r="E57" s="147"/>
    </row>
    <row r="58" spans="1:6" s="2" customFormat="1" ht="92.25" customHeight="1" x14ac:dyDescent="0.25">
      <c r="A58" s="96" t="s">
        <v>64</v>
      </c>
      <c r="B58" s="92" t="s">
        <v>96</v>
      </c>
      <c r="C58" s="52"/>
      <c r="D58" s="135"/>
      <c r="E58" s="136"/>
    </row>
    <row r="59" spans="1:6" s="2" customFormat="1" ht="101.25" customHeight="1" x14ac:dyDescent="0.25">
      <c r="A59" s="96" t="s">
        <v>73</v>
      </c>
      <c r="B59" s="92" t="s">
        <v>86</v>
      </c>
      <c r="C59" s="52"/>
      <c r="D59" s="131"/>
      <c r="E59" s="132"/>
    </row>
    <row r="60" spans="1:6" s="2" customFormat="1" ht="32.25" customHeight="1" x14ac:dyDescent="0.25">
      <c r="A60" s="91" t="s">
        <v>74</v>
      </c>
      <c r="B60" s="92" t="s">
        <v>87</v>
      </c>
      <c r="C60" s="52"/>
      <c r="D60" s="129"/>
      <c r="E60" s="130"/>
    </row>
    <row r="61" spans="1:6" s="3" customFormat="1" ht="51.75" customHeight="1" x14ac:dyDescent="0.25">
      <c r="A61" s="98" t="s">
        <v>75</v>
      </c>
      <c r="B61" s="97" t="s">
        <v>97</v>
      </c>
      <c r="C61" s="52"/>
      <c r="D61" s="129"/>
      <c r="E61" s="130"/>
    </row>
    <row r="62" spans="1:6" s="2" customFormat="1" ht="85.5" customHeight="1" x14ac:dyDescent="0.25">
      <c r="A62" s="91" t="s">
        <v>76</v>
      </c>
      <c r="B62" s="87" t="s">
        <v>88</v>
      </c>
      <c r="C62" s="52"/>
      <c r="D62" s="129"/>
      <c r="E62" s="130"/>
    </row>
    <row r="63" spans="1:6" s="3" customFormat="1" ht="83.25" customHeight="1" x14ac:dyDescent="0.25">
      <c r="A63" s="88" t="s">
        <v>77</v>
      </c>
      <c r="B63" s="99" t="s">
        <v>108</v>
      </c>
      <c r="C63" s="52"/>
      <c r="D63" s="129"/>
      <c r="E63" s="130"/>
    </row>
    <row r="64" spans="1:6" s="2" customFormat="1" ht="211.5" customHeight="1" x14ac:dyDescent="0.25">
      <c r="A64" s="91" t="s">
        <v>120</v>
      </c>
      <c r="B64" s="92" t="s">
        <v>98</v>
      </c>
      <c r="C64" s="52"/>
      <c r="D64" s="129"/>
      <c r="E64" s="130"/>
    </row>
    <row r="65" spans="1:6" s="2" customFormat="1" ht="210.75" customHeight="1" x14ac:dyDescent="0.25">
      <c r="A65" s="88" t="s">
        <v>121</v>
      </c>
      <c r="B65" s="87" t="s">
        <v>99</v>
      </c>
      <c r="C65" s="52"/>
      <c r="D65" s="135"/>
      <c r="E65" s="136"/>
    </row>
    <row r="66" spans="1:6" s="55" customFormat="1" ht="87" customHeight="1" thickBot="1" x14ac:dyDescent="0.3">
      <c r="A66" s="101" t="s">
        <v>122</v>
      </c>
      <c r="B66" s="102" t="s">
        <v>100</v>
      </c>
      <c r="C66" s="53"/>
      <c r="D66" s="137"/>
      <c r="E66" s="138"/>
    </row>
    <row r="67" spans="1:6" s="2" customFormat="1" ht="20.100000000000001" customHeight="1" x14ac:dyDescent="0.25">
      <c r="A67" s="139" t="s">
        <v>53</v>
      </c>
      <c r="B67" s="139"/>
      <c r="C67" s="139"/>
      <c r="D67" s="139"/>
      <c r="E67" s="139"/>
      <c r="F67" s="148"/>
    </row>
    <row r="68" spans="1:6" s="2" customFormat="1" ht="4.5" customHeight="1" thickBot="1" x14ac:dyDescent="0.3">
      <c r="F68" s="148"/>
    </row>
    <row r="69" spans="1:6" s="2" customFormat="1" ht="80.25" customHeight="1" x14ac:dyDescent="0.25">
      <c r="A69" s="171" t="s">
        <v>65</v>
      </c>
      <c r="B69" s="172"/>
      <c r="C69" s="175" t="s">
        <v>54</v>
      </c>
      <c r="D69" s="176"/>
      <c r="E69" s="177"/>
      <c r="F69" s="148"/>
    </row>
    <row r="70" spans="1:6" s="3" customFormat="1" ht="29.25" customHeight="1" thickBot="1" x14ac:dyDescent="0.3">
      <c r="A70" s="173"/>
      <c r="B70" s="174"/>
      <c r="C70" s="26" t="s">
        <v>6</v>
      </c>
      <c r="D70" s="178" t="s">
        <v>29</v>
      </c>
      <c r="E70" s="179"/>
      <c r="F70" s="148"/>
    </row>
    <row r="71" spans="1:6" s="3" customFormat="1" ht="73.5" customHeight="1" x14ac:dyDescent="0.25">
      <c r="A71" s="45" t="s">
        <v>14</v>
      </c>
      <c r="B71" s="103" t="s">
        <v>123</v>
      </c>
      <c r="C71" s="68"/>
      <c r="D71" s="186"/>
      <c r="E71" s="187"/>
      <c r="F71" s="148"/>
    </row>
    <row r="72" spans="1:6" s="3" customFormat="1" ht="39" customHeight="1" x14ac:dyDescent="0.25">
      <c r="A72" s="45" t="s">
        <v>57</v>
      </c>
      <c r="B72" s="64" t="s">
        <v>55</v>
      </c>
      <c r="C72" s="43"/>
      <c r="D72" s="127"/>
      <c r="E72" s="128"/>
      <c r="F72" s="148"/>
    </row>
    <row r="73" spans="1:6" s="2" customFormat="1" ht="34.5" customHeight="1" x14ac:dyDescent="0.25">
      <c r="A73" s="65" t="s">
        <v>58</v>
      </c>
      <c r="B73" s="104" t="s">
        <v>124</v>
      </c>
      <c r="C73" s="67"/>
      <c r="D73" s="184"/>
      <c r="E73" s="185"/>
      <c r="F73" s="148"/>
    </row>
    <row r="74" spans="1:6" s="2" customFormat="1" ht="57.75" customHeight="1" thickBot="1" x14ac:dyDescent="0.3">
      <c r="A74" s="66" t="s">
        <v>59</v>
      </c>
      <c r="B74" s="105" t="s">
        <v>125</v>
      </c>
      <c r="C74" s="42"/>
      <c r="D74" s="190"/>
      <c r="E74" s="191"/>
      <c r="F74" s="57"/>
    </row>
    <row r="75" spans="1:6" s="2" customFormat="1" ht="5.0999999999999996" customHeight="1" x14ac:dyDescent="0.25">
      <c r="A75" s="5"/>
      <c r="B75" s="5"/>
      <c r="C75" s="7"/>
      <c r="D75" s="7"/>
      <c r="E75" s="28"/>
    </row>
    <row r="76" spans="1:6" s="2" customFormat="1" ht="20.100000000000001" customHeight="1" x14ac:dyDescent="0.25">
      <c r="A76" s="141" t="s">
        <v>13</v>
      </c>
      <c r="B76" s="141"/>
      <c r="C76" s="141"/>
      <c r="D76" s="141"/>
      <c r="E76" s="141"/>
    </row>
    <row r="77" spans="1:6" s="55" customFormat="1" ht="30" customHeight="1" x14ac:dyDescent="0.25">
      <c r="A77" s="54" t="s">
        <v>15</v>
      </c>
      <c r="B77" s="167" t="s">
        <v>79</v>
      </c>
      <c r="C77" s="167"/>
      <c r="D77" s="167"/>
      <c r="E77" s="167"/>
    </row>
    <row r="78" spans="1:6" s="56" customFormat="1" ht="30" customHeight="1" x14ac:dyDescent="0.25">
      <c r="A78" s="54" t="s">
        <v>32</v>
      </c>
      <c r="B78" s="168" t="s">
        <v>33</v>
      </c>
      <c r="C78" s="168"/>
      <c r="D78" s="168"/>
      <c r="E78" s="168"/>
    </row>
    <row r="79" spans="1:6" s="30" customFormat="1" ht="30" customHeight="1" x14ac:dyDescent="0.25">
      <c r="A79" s="169" t="s">
        <v>34</v>
      </c>
      <c r="B79" s="169"/>
      <c r="C79" s="169"/>
      <c r="D79" s="169"/>
      <c r="E79" s="3"/>
    </row>
    <row r="80" spans="1:6" s="2" customFormat="1" ht="28.5" customHeight="1" x14ac:dyDescent="0.25">
      <c r="A80" s="29" t="s">
        <v>35</v>
      </c>
      <c r="B80" s="189"/>
      <c r="C80" s="189"/>
      <c r="E80" s="30"/>
    </row>
    <row r="81" spans="1:5" s="2" customFormat="1" ht="27" customHeight="1" x14ac:dyDescent="0.25">
      <c r="A81" s="29" t="s">
        <v>36</v>
      </c>
      <c r="B81" s="181"/>
      <c r="C81" s="181"/>
      <c r="E81" s="30"/>
    </row>
    <row r="82" spans="1:5" s="2" customFormat="1" ht="26.45" customHeight="1" x14ac:dyDescent="0.25">
      <c r="A82" s="29" t="s">
        <v>37</v>
      </c>
      <c r="B82" s="181"/>
      <c r="C82" s="181"/>
      <c r="E82" s="30"/>
    </row>
    <row r="83" spans="1:5" s="3" customFormat="1" ht="29.1" customHeight="1" x14ac:dyDescent="0.25">
      <c r="A83" s="29" t="s">
        <v>38</v>
      </c>
      <c r="B83" s="181"/>
      <c r="C83" s="181"/>
      <c r="D83" s="2"/>
      <c r="E83" s="31"/>
    </row>
    <row r="84" spans="1:5" s="2" customFormat="1" ht="46.5" customHeight="1" x14ac:dyDescent="0.2">
      <c r="A84" s="11"/>
      <c r="B84" s="12"/>
      <c r="C84" s="12"/>
      <c r="E84" s="32"/>
    </row>
    <row r="85" spans="1:5" s="3" customFormat="1" ht="15" customHeight="1" x14ac:dyDescent="0.25">
      <c r="A85" s="182" t="s">
        <v>39</v>
      </c>
      <c r="B85" s="182"/>
      <c r="C85" s="182"/>
      <c r="D85" s="182"/>
      <c r="E85" s="182"/>
    </row>
    <row r="86" spans="1:5" s="2" customFormat="1" ht="36.75" customHeight="1" x14ac:dyDescent="0.25">
      <c r="A86" s="183" t="s">
        <v>50</v>
      </c>
      <c r="B86" s="183"/>
      <c r="C86" s="183"/>
      <c r="D86" s="183"/>
      <c r="E86" s="183"/>
    </row>
    <row r="87" spans="1:5" s="2" customFormat="1" ht="20.100000000000001" customHeight="1" x14ac:dyDescent="0.2">
      <c r="A87" s="1"/>
      <c r="B87" s="1"/>
      <c r="C87" s="8"/>
      <c r="D87" s="8"/>
    </row>
    <row r="88" spans="1:5" s="3" customFormat="1" ht="4.5" customHeight="1" x14ac:dyDescent="0.2">
      <c r="A88" s="1"/>
      <c r="B88" s="1"/>
      <c r="C88" s="8"/>
      <c r="D88" s="8"/>
      <c r="E88" s="2"/>
    </row>
    <row r="89" spans="1:5" s="3" customFormat="1" ht="20.100000000000001" customHeight="1" x14ac:dyDescent="0.25">
      <c r="A89" s="33" t="s">
        <v>40</v>
      </c>
      <c r="B89" s="49"/>
      <c r="C89" s="34" t="s">
        <v>41</v>
      </c>
      <c r="D89" s="188"/>
      <c r="E89" s="188"/>
    </row>
    <row r="90" spans="1:5" s="3" customFormat="1" ht="20.100000000000001" customHeight="1" x14ac:dyDescent="0.25">
      <c r="A90" s="46" t="s">
        <v>42</v>
      </c>
      <c r="B90" s="50"/>
      <c r="C90" s="35"/>
      <c r="D90" s="36"/>
      <c r="E90" s="36"/>
    </row>
    <row r="91" spans="1:5" ht="20.100000000000001" customHeight="1" x14ac:dyDescent="0.2">
      <c r="C91" s="37" t="s">
        <v>89</v>
      </c>
      <c r="D91" s="189"/>
      <c r="E91" s="189"/>
    </row>
    <row r="92" spans="1:5" s="2" customFormat="1" ht="20.100000000000001" customHeight="1" x14ac:dyDescent="0.2">
      <c r="A92" s="1"/>
      <c r="B92" s="1"/>
      <c r="C92" s="37" t="s">
        <v>44</v>
      </c>
      <c r="D92" s="181"/>
      <c r="E92" s="181"/>
    </row>
    <row r="93" spans="1:5" s="2" customFormat="1" ht="20.100000000000001" customHeight="1" x14ac:dyDescent="0.2">
      <c r="A93" s="1"/>
      <c r="B93" s="1"/>
      <c r="C93" s="38" t="s">
        <v>45</v>
      </c>
      <c r="D93" s="1"/>
    </row>
    <row r="94" spans="1:5" s="2" customFormat="1" ht="37.5" customHeight="1" x14ac:dyDescent="0.25"/>
    <row r="95" spans="1:5" s="2" customFormat="1" ht="24" customHeight="1" x14ac:dyDescent="0.25"/>
    <row r="96" spans="1:5" s="2" customFormat="1" ht="24" customHeight="1" x14ac:dyDescent="0.25"/>
    <row r="97" spans="1:4" s="2" customFormat="1" ht="24" customHeight="1" x14ac:dyDescent="0.25"/>
    <row r="98" spans="1:4" s="2" customFormat="1" ht="20.100000000000001" customHeight="1" x14ac:dyDescent="0.25"/>
    <row r="99" spans="1:4" s="2" customFormat="1" ht="20.100000000000001" customHeight="1" x14ac:dyDescent="0.25"/>
    <row r="100" spans="1:4" s="2" customFormat="1" ht="50.1" customHeight="1" x14ac:dyDescent="0.25"/>
    <row r="101" spans="1:4" s="2" customFormat="1" ht="43.5" customHeight="1" x14ac:dyDescent="0.25"/>
    <row r="102" spans="1:4" ht="24.75" customHeight="1" x14ac:dyDescent="0.2">
      <c r="A102" s="2"/>
      <c r="B102" s="2"/>
      <c r="C102" s="2"/>
      <c r="D102" s="2"/>
    </row>
    <row r="103" spans="1:4" x14ac:dyDescent="0.2">
      <c r="A103" s="2"/>
      <c r="B103" s="2"/>
      <c r="C103" s="2"/>
      <c r="D103" s="2"/>
    </row>
    <row r="104" spans="1:4" ht="20.100000000000001" customHeight="1" x14ac:dyDescent="0.2"/>
    <row r="105" spans="1:4" ht="4.5" customHeight="1" x14ac:dyDescent="0.2"/>
    <row r="106" spans="1:4" ht="20.100000000000001" customHeight="1" x14ac:dyDescent="0.2"/>
    <row r="107" spans="1:4" ht="20.100000000000001" customHeight="1" x14ac:dyDescent="0.2"/>
    <row r="108" spans="1:4" ht="20.100000000000001" customHeight="1" x14ac:dyDescent="0.2"/>
  </sheetData>
  <mergeCells count="75">
    <mergeCell ref="D92:E92"/>
    <mergeCell ref="A85:E85"/>
    <mergeCell ref="A86:E86"/>
    <mergeCell ref="A69:B70"/>
    <mergeCell ref="C69:E69"/>
    <mergeCell ref="D70:E70"/>
    <mergeCell ref="D73:E73"/>
    <mergeCell ref="D71:E71"/>
    <mergeCell ref="D89:E89"/>
    <mergeCell ref="D91:E91"/>
    <mergeCell ref="B80:C80"/>
    <mergeCell ref="B81:C81"/>
    <mergeCell ref="D74:E74"/>
    <mergeCell ref="B82:C82"/>
    <mergeCell ref="B83:C83"/>
    <mergeCell ref="A76:E76"/>
    <mergeCell ref="B77:E77"/>
    <mergeCell ref="B78:E78"/>
    <mergeCell ref="A79:D79"/>
    <mergeCell ref="A1:E1"/>
    <mergeCell ref="A12:C12"/>
    <mergeCell ref="A23:B23"/>
    <mergeCell ref="A26:B26"/>
    <mergeCell ref="A43:B44"/>
    <mergeCell ref="C43:E43"/>
    <mergeCell ref="D44:E44"/>
    <mergeCell ref="A41:E41"/>
    <mergeCell ref="A37:E37"/>
    <mergeCell ref="A17:C17"/>
    <mergeCell ref="A2:E2"/>
    <mergeCell ref="A18:E18"/>
    <mergeCell ref="A19:E19"/>
    <mergeCell ref="F67:F73"/>
    <mergeCell ref="A3:E3"/>
    <mergeCell ref="A7:E7"/>
    <mergeCell ref="A8:E8"/>
    <mergeCell ref="A9:E9"/>
    <mergeCell ref="A11:E11"/>
    <mergeCell ref="A13:C13"/>
    <mergeCell ref="A22:E22"/>
    <mergeCell ref="B27:C27"/>
    <mergeCell ref="A33:B33"/>
    <mergeCell ref="A16:C16"/>
    <mergeCell ref="F46:F52"/>
    <mergeCell ref="D59:E59"/>
    <mergeCell ref="A39:E39"/>
    <mergeCell ref="A28:E28"/>
    <mergeCell ref="A30:E30"/>
    <mergeCell ref="A67:E67"/>
    <mergeCell ref="D63:E63"/>
    <mergeCell ref="A20:C20"/>
    <mergeCell ref="A21:E21"/>
    <mergeCell ref="B31:C31"/>
    <mergeCell ref="B29:C29"/>
    <mergeCell ref="D53:E53"/>
    <mergeCell ref="D54:E54"/>
    <mergeCell ref="D55:E55"/>
    <mergeCell ref="D56:E56"/>
    <mergeCell ref="D57:E57"/>
    <mergeCell ref="D72:E72"/>
    <mergeCell ref="D49:E49"/>
    <mergeCell ref="D50:E50"/>
    <mergeCell ref="D51:E51"/>
    <mergeCell ref="D45:E45"/>
    <mergeCell ref="D46:E46"/>
    <mergeCell ref="D52:E52"/>
    <mergeCell ref="D47:E47"/>
    <mergeCell ref="D48:E48"/>
    <mergeCell ref="D64:E64"/>
    <mergeCell ref="D65:E65"/>
    <mergeCell ref="D61:E61"/>
    <mergeCell ref="D62:E62"/>
    <mergeCell ref="D66:E66"/>
    <mergeCell ref="D60:E60"/>
    <mergeCell ref="D58:E58"/>
  </mergeCells>
  <conditionalFormatting sqref="B80:C83">
    <cfRule type="containsBlanks" dxfId="24" priority="49">
      <formula>LEN(TRIM(B80))=0</formula>
    </cfRule>
  </conditionalFormatting>
  <conditionalFormatting sqref="D91:E91">
    <cfRule type="containsBlanks" dxfId="23" priority="48">
      <formula>LEN(TRIM(D91))=0</formula>
    </cfRule>
  </conditionalFormatting>
  <conditionalFormatting sqref="D92:E92">
    <cfRule type="containsBlanks" dxfId="22" priority="47">
      <formula>LEN(TRIM(D92))=0</formula>
    </cfRule>
  </conditionalFormatting>
  <conditionalFormatting sqref="C71:C72">
    <cfRule type="containsBlanks" dxfId="21" priority="38">
      <formula>LEN(TRIM(C71))=0</formula>
    </cfRule>
  </conditionalFormatting>
  <conditionalFormatting sqref="C73">
    <cfRule type="containsBlanks" dxfId="20" priority="35">
      <formula>LEN(TRIM(C73))=0</formula>
    </cfRule>
  </conditionalFormatting>
  <conditionalFormatting sqref="B89">
    <cfRule type="containsBlanks" dxfId="19" priority="28">
      <formula>LEN(TRIM(B89))=0</formula>
    </cfRule>
  </conditionalFormatting>
  <conditionalFormatting sqref="B4">
    <cfRule type="containsBlanks" dxfId="18" priority="30">
      <formula>LEN(TRIM(B4))=0</formula>
    </cfRule>
  </conditionalFormatting>
  <conditionalFormatting sqref="B5">
    <cfRule type="containsBlanks" dxfId="17" priority="29">
      <formula>LEN(TRIM(B5))=0</formula>
    </cfRule>
  </conditionalFormatting>
  <conditionalFormatting sqref="B90">
    <cfRule type="containsBlanks" dxfId="16" priority="27">
      <formula>LEN(TRIM(B90))=0</formula>
    </cfRule>
  </conditionalFormatting>
  <conditionalFormatting sqref="C45:C66">
    <cfRule type="containsBlanks" dxfId="15" priority="23">
      <formula>LEN(TRIM(C45))=0</formula>
    </cfRule>
  </conditionalFormatting>
  <conditionalFormatting sqref="C74">
    <cfRule type="containsBlanks" dxfId="14" priority="10">
      <formula>LEN(TRIM(C74))=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2" max="4" man="1"/>
    <brk id="65"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pageSetUpPr fitToPage="1"/>
  </sheetPr>
  <dimension ref="A1:I102"/>
  <sheetViews>
    <sheetView showGridLines="0" topLeftCell="A10" zoomScale="90" zoomScaleNormal="90" workbookViewId="0">
      <selection activeCell="C70" sqref="C70"/>
    </sheetView>
  </sheetViews>
  <sheetFormatPr defaultColWidth="9.140625" defaultRowHeight="12.75" x14ac:dyDescent="0.2"/>
  <cols>
    <col min="1" max="1" width="14" style="1" customWidth="1"/>
    <col min="2" max="2" width="37" style="1" customWidth="1"/>
    <col min="3" max="3" width="68.85546875" style="1" customWidth="1"/>
    <col min="4" max="4" width="16.42578125" style="8" customWidth="1"/>
    <col min="5" max="5" width="13.7109375" style="8" customWidth="1"/>
    <col min="6" max="6" width="67.140625" style="2" customWidth="1"/>
    <col min="7" max="7" width="17.140625" style="1" customWidth="1"/>
    <col min="8" max="8" width="13.140625" style="1" customWidth="1"/>
    <col min="9" max="9" width="9.140625" style="1" customWidth="1"/>
    <col min="10" max="16384" width="9.140625" style="1"/>
  </cols>
  <sheetData>
    <row r="1" spans="1:6" ht="24" customHeight="1" x14ac:dyDescent="0.2">
      <c r="A1" s="170" t="s">
        <v>48</v>
      </c>
      <c r="B1" s="170"/>
      <c r="C1" s="170"/>
      <c r="D1" s="170"/>
      <c r="E1" s="170"/>
      <c r="F1" s="170"/>
    </row>
    <row r="2" spans="1:6" ht="27.75" customHeight="1" x14ac:dyDescent="0.2">
      <c r="A2" s="180" t="s">
        <v>46</v>
      </c>
      <c r="B2" s="180"/>
      <c r="C2" s="180"/>
      <c r="D2" s="180"/>
      <c r="E2" s="180"/>
      <c r="F2" s="180"/>
    </row>
    <row r="3" spans="1:6" ht="56.1" customHeight="1" x14ac:dyDescent="0.2">
      <c r="A3" s="149" t="s">
        <v>52</v>
      </c>
      <c r="B3" s="149"/>
      <c r="C3" s="149"/>
      <c r="D3" s="149"/>
      <c r="E3" s="149"/>
      <c r="F3" s="149"/>
    </row>
    <row r="4" spans="1:6" ht="24.95" customHeight="1" x14ac:dyDescent="0.2">
      <c r="A4" s="209" t="s">
        <v>51</v>
      </c>
      <c r="B4" s="209"/>
      <c r="C4" s="60"/>
      <c r="D4" s="39"/>
      <c r="E4" s="39"/>
      <c r="F4" s="39"/>
    </row>
    <row r="5" spans="1:6" ht="24.95" customHeight="1" x14ac:dyDescent="0.2">
      <c r="A5" s="209" t="s">
        <v>49</v>
      </c>
      <c r="B5" s="209"/>
      <c r="C5" s="59"/>
      <c r="D5" s="39"/>
      <c r="E5" s="39"/>
      <c r="F5" s="39"/>
    </row>
    <row r="6" spans="1:6" ht="5.0999999999999996" customHeight="1" x14ac:dyDescent="0.2">
      <c r="A6" s="39"/>
      <c r="B6" s="39"/>
      <c r="C6" s="39"/>
      <c r="D6" s="39"/>
      <c r="E6" s="39"/>
      <c r="F6" s="39"/>
    </row>
    <row r="7" spans="1:6" s="2" customFormat="1" ht="20.100000000000001" customHeight="1" x14ac:dyDescent="0.25">
      <c r="A7" s="141" t="s">
        <v>4</v>
      </c>
      <c r="B7" s="141"/>
      <c r="C7" s="141"/>
      <c r="D7" s="141"/>
      <c r="E7" s="141"/>
      <c r="F7" s="141"/>
    </row>
    <row r="8" spans="1:6" s="2" customFormat="1" ht="20.100000000000001" customHeight="1" x14ac:dyDescent="0.25">
      <c r="A8" s="150" t="s">
        <v>8</v>
      </c>
      <c r="B8" s="150"/>
      <c r="C8" s="150"/>
      <c r="D8" s="150"/>
      <c r="E8" s="150"/>
      <c r="F8" s="150"/>
    </row>
    <row r="9" spans="1:6" ht="24.95" customHeight="1" x14ac:dyDescent="0.2">
      <c r="A9" s="151" t="s">
        <v>104</v>
      </c>
      <c r="B9" s="151"/>
      <c r="C9" s="151"/>
      <c r="D9" s="151"/>
      <c r="E9" s="151"/>
      <c r="F9" s="151"/>
    </row>
    <row r="10" spans="1:6" ht="4.5" customHeight="1" x14ac:dyDescent="0.2">
      <c r="A10" s="63"/>
      <c r="B10" s="82"/>
      <c r="C10" s="63"/>
      <c r="D10" s="63"/>
      <c r="E10" s="63"/>
      <c r="F10" s="63"/>
    </row>
    <row r="11" spans="1:6" s="2" customFormat="1" ht="20.100000000000001" customHeight="1" x14ac:dyDescent="0.25">
      <c r="A11" s="152" t="s">
        <v>9</v>
      </c>
      <c r="B11" s="152"/>
      <c r="C11" s="152"/>
      <c r="D11" s="152"/>
      <c r="E11" s="152"/>
      <c r="F11" s="152"/>
    </row>
    <row r="12" spans="1:6" s="2" customFormat="1" ht="24.95" customHeight="1" x14ac:dyDescent="0.2">
      <c r="A12" s="153" t="s">
        <v>78</v>
      </c>
      <c r="B12" s="153"/>
      <c r="C12" s="153"/>
      <c r="D12" s="153"/>
      <c r="E12" s="15"/>
      <c r="F12" s="15"/>
    </row>
    <row r="13" spans="1:6" s="3" customFormat="1" ht="20.100000000000001" customHeight="1" x14ac:dyDescent="0.25">
      <c r="A13" s="153" t="s">
        <v>24</v>
      </c>
      <c r="B13" s="153"/>
      <c r="C13" s="153"/>
      <c r="D13" s="153"/>
      <c r="E13" s="21"/>
      <c r="F13" s="22"/>
    </row>
    <row r="14" spans="1:6" ht="4.5" customHeight="1" x14ac:dyDescent="0.2">
      <c r="A14" s="63"/>
      <c r="B14" s="82"/>
      <c r="C14" s="63"/>
      <c r="D14" s="63"/>
      <c r="E14" s="63"/>
      <c r="F14" s="63"/>
    </row>
    <row r="15" spans="1:6" x14ac:dyDescent="0.2">
      <c r="A15" s="40" t="s">
        <v>10</v>
      </c>
      <c r="B15" s="40"/>
      <c r="C15" s="23"/>
      <c r="D15" s="23"/>
      <c r="E15" s="24"/>
      <c r="F15" s="24"/>
    </row>
    <row r="16" spans="1:6" s="3" customFormat="1" ht="24.95" customHeight="1" x14ac:dyDescent="0.25">
      <c r="A16" s="159" t="s">
        <v>56</v>
      </c>
      <c r="B16" s="159"/>
      <c r="C16" s="159"/>
      <c r="D16" s="159"/>
      <c r="E16" s="21"/>
      <c r="F16" s="22"/>
    </row>
    <row r="17" spans="1:7" ht="5.0999999999999996" customHeight="1" x14ac:dyDescent="0.2">
      <c r="A17" s="140"/>
      <c r="B17" s="140"/>
      <c r="C17" s="140"/>
      <c r="D17" s="140"/>
      <c r="F17" s="16"/>
    </row>
    <row r="18" spans="1:7" s="2" customFormat="1" ht="20.100000000000001" customHeight="1" x14ac:dyDescent="0.25">
      <c r="A18" s="141" t="s">
        <v>21</v>
      </c>
      <c r="B18" s="141"/>
      <c r="C18" s="141"/>
      <c r="D18" s="141"/>
      <c r="E18" s="141"/>
      <c r="F18" s="141"/>
    </row>
    <row r="19" spans="1:7" ht="24.95" customHeight="1" x14ac:dyDescent="0.2">
      <c r="A19" s="153" t="s">
        <v>105</v>
      </c>
      <c r="B19" s="153"/>
      <c r="C19" s="153"/>
      <c r="D19" s="153"/>
      <c r="E19" s="153"/>
      <c r="F19" s="153"/>
    </row>
    <row r="20" spans="1:7" ht="5.0999999999999996" customHeight="1" thickBot="1" x14ac:dyDescent="0.25">
      <c r="A20" s="205"/>
      <c r="B20" s="205"/>
      <c r="C20" s="205"/>
      <c r="D20" s="205"/>
      <c r="F20" s="16"/>
    </row>
    <row r="21" spans="1:7" s="9" customFormat="1" ht="31.5" customHeight="1" thickBot="1" x14ac:dyDescent="0.3">
      <c r="A21" s="74" t="s">
        <v>66</v>
      </c>
      <c r="B21" s="198" t="s">
        <v>12</v>
      </c>
      <c r="C21" s="199"/>
      <c r="D21" s="200"/>
      <c r="E21" s="75" t="s">
        <v>11</v>
      </c>
      <c r="F21" s="76" t="s">
        <v>101</v>
      </c>
    </row>
    <row r="22" spans="1:7" s="9" customFormat="1" ht="31.5" customHeight="1" thickBot="1" x14ac:dyDescent="0.3">
      <c r="A22" s="206" t="s">
        <v>269</v>
      </c>
      <c r="B22" s="207"/>
      <c r="C22" s="207"/>
      <c r="D22" s="207"/>
      <c r="E22" s="207"/>
      <c r="F22" s="208"/>
    </row>
    <row r="23" spans="1:7" s="9" customFormat="1" ht="31.5" customHeight="1" x14ac:dyDescent="0.25">
      <c r="A23" s="77" t="s">
        <v>102</v>
      </c>
      <c r="B23" s="201" t="s">
        <v>270</v>
      </c>
      <c r="C23" s="202"/>
      <c r="D23" s="203"/>
      <c r="E23" s="78" t="s">
        <v>1</v>
      </c>
      <c r="F23" s="81">
        <v>1300</v>
      </c>
    </row>
    <row r="24" spans="1:7" ht="5.0999999999999996" customHeight="1" x14ac:dyDescent="0.2"/>
    <row r="25" spans="1:7" s="2" customFormat="1" ht="20.100000000000001" customHeight="1" x14ac:dyDescent="0.25">
      <c r="A25" s="141" t="s">
        <v>23</v>
      </c>
      <c r="B25" s="141"/>
      <c r="C25" s="141"/>
      <c r="D25" s="141"/>
      <c r="E25" s="141"/>
      <c r="F25" s="141"/>
    </row>
    <row r="26" spans="1:7" s="2" customFormat="1" ht="5.0999999999999996" customHeight="1" thickBot="1" x14ac:dyDescent="0.3">
      <c r="A26" s="16"/>
      <c r="B26" s="16"/>
      <c r="D26" s="62"/>
      <c r="E26" s="62"/>
      <c r="F26" s="62"/>
    </row>
    <row r="27" spans="1:7" s="3" customFormat="1" ht="93" customHeight="1" x14ac:dyDescent="0.25">
      <c r="A27" s="171" t="s">
        <v>0</v>
      </c>
      <c r="B27" s="172"/>
      <c r="C27" s="172"/>
      <c r="D27" s="175" t="s">
        <v>25</v>
      </c>
      <c r="E27" s="176"/>
      <c r="F27" s="177"/>
      <c r="G27" s="25"/>
    </row>
    <row r="28" spans="1:7" s="3" customFormat="1" ht="30" customHeight="1" thickBot="1" x14ac:dyDescent="0.3">
      <c r="A28" s="210"/>
      <c r="B28" s="211"/>
      <c r="C28" s="211"/>
      <c r="D28" s="79" t="s">
        <v>26</v>
      </c>
      <c r="E28" s="212" t="s">
        <v>27</v>
      </c>
      <c r="F28" s="213"/>
    </row>
    <row r="29" spans="1:7" s="3" customFormat="1" ht="31.5" customHeight="1" thickBot="1" x14ac:dyDescent="0.3">
      <c r="A29" s="214" t="s">
        <v>269</v>
      </c>
      <c r="B29" s="215"/>
      <c r="C29" s="216"/>
      <c r="D29" s="216"/>
      <c r="E29" s="216"/>
      <c r="F29" s="217"/>
    </row>
    <row r="30" spans="1:7" s="27" customFormat="1" ht="31.5" customHeight="1" thickBot="1" x14ac:dyDescent="0.3">
      <c r="A30" s="218" t="s">
        <v>271</v>
      </c>
      <c r="B30" s="219"/>
      <c r="C30" s="220"/>
      <c r="D30" s="220"/>
      <c r="E30" s="220"/>
      <c r="F30" s="221"/>
    </row>
    <row r="31" spans="1:7" s="4" customFormat="1" ht="26.25" customHeight="1" x14ac:dyDescent="0.25">
      <c r="A31" s="113" t="s">
        <v>117</v>
      </c>
      <c r="B31" s="204" t="s">
        <v>275</v>
      </c>
      <c r="C31" s="204"/>
      <c r="D31" s="51"/>
      <c r="E31" s="222"/>
      <c r="F31" s="223"/>
    </row>
    <row r="32" spans="1:7" s="4" customFormat="1" ht="24.75" customHeight="1" x14ac:dyDescent="0.25">
      <c r="A32" s="114" t="s">
        <v>118</v>
      </c>
      <c r="B32" s="197" t="s">
        <v>126</v>
      </c>
      <c r="C32" s="197"/>
      <c r="D32" s="52"/>
      <c r="E32" s="192"/>
      <c r="F32" s="193"/>
    </row>
    <row r="33" spans="1:6" s="4" customFormat="1" ht="33" customHeight="1" x14ac:dyDescent="0.25">
      <c r="A33" s="114" t="s">
        <v>119</v>
      </c>
      <c r="B33" s="197" t="s">
        <v>127</v>
      </c>
      <c r="C33" s="197"/>
      <c r="D33" s="52"/>
      <c r="E33" s="192"/>
      <c r="F33" s="193"/>
    </row>
    <row r="34" spans="1:6" s="4" customFormat="1" ht="32.1" customHeight="1" x14ac:dyDescent="0.25">
      <c r="A34" s="114" t="s">
        <v>109</v>
      </c>
      <c r="B34" s="118" t="s">
        <v>128</v>
      </c>
      <c r="C34" s="119" t="s">
        <v>129</v>
      </c>
      <c r="D34" s="52"/>
      <c r="E34" s="192"/>
      <c r="F34" s="193"/>
    </row>
    <row r="35" spans="1:6" s="4" customFormat="1" ht="32.1" customHeight="1" x14ac:dyDescent="0.25">
      <c r="A35" s="114" t="s">
        <v>110</v>
      </c>
      <c r="B35" s="197" t="s">
        <v>130</v>
      </c>
      <c r="C35" s="197"/>
      <c r="D35" s="52"/>
      <c r="E35" s="192"/>
      <c r="F35" s="193"/>
    </row>
    <row r="36" spans="1:6" s="4" customFormat="1" ht="32.1" customHeight="1" x14ac:dyDescent="0.25">
      <c r="A36" s="114" t="s">
        <v>111</v>
      </c>
      <c r="B36" s="118" t="s">
        <v>131</v>
      </c>
      <c r="C36" s="119" t="s">
        <v>132</v>
      </c>
      <c r="D36" s="52"/>
      <c r="E36" s="192"/>
      <c r="F36" s="193"/>
    </row>
    <row r="37" spans="1:6" s="4" customFormat="1" ht="32.1" customHeight="1" x14ac:dyDescent="0.25">
      <c r="A37" s="114" t="s">
        <v>112</v>
      </c>
      <c r="B37" s="118" t="s">
        <v>133</v>
      </c>
      <c r="C37" s="119" t="s">
        <v>134</v>
      </c>
      <c r="D37" s="52"/>
      <c r="E37" s="192"/>
      <c r="F37" s="193"/>
    </row>
    <row r="38" spans="1:6" s="4" customFormat="1" ht="31.5" customHeight="1" x14ac:dyDescent="0.25">
      <c r="A38" s="114" t="s">
        <v>113</v>
      </c>
      <c r="B38" s="197" t="s">
        <v>135</v>
      </c>
      <c r="C38" s="197"/>
      <c r="D38" s="111"/>
      <c r="E38" s="192"/>
      <c r="F38" s="193"/>
    </row>
    <row r="39" spans="1:6" s="4" customFormat="1" ht="32.1" customHeight="1" x14ac:dyDescent="0.25">
      <c r="A39" s="115" t="s">
        <v>184</v>
      </c>
      <c r="B39" s="109" t="s">
        <v>136</v>
      </c>
      <c r="C39" s="17" t="s">
        <v>137</v>
      </c>
      <c r="D39" s="52"/>
      <c r="E39" s="192"/>
      <c r="F39" s="193"/>
    </row>
    <row r="40" spans="1:6" s="4" customFormat="1" ht="32.1" customHeight="1" x14ac:dyDescent="0.25">
      <c r="A40" s="115" t="s">
        <v>185</v>
      </c>
      <c r="B40" s="109" t="s">
        <v>138</v>
      </c>
      <c r="C40" s="17" t="s">
        <v>139</v>
      </c>
      <c r="D40" s="52"/>
      <c r="E40" s="192"/>
      <c r="F40" s="193"/>
    </row>
    <row r="41" spans="1:6" s="4" customFormat="1" ht="32.1" customHeight="1" x14ac:dyDescent="0.25">
      <c r="A41" s="115" t="s">
        <v>186</v>
      </c>
      <c r="B41" s="109" t="s">
        <v>140</v>
      </c>
      <c r="C41" s="17" t="s">
        <v>141</v>
      </c>
      <c r="D41" s="52"/>
      <c r="E41" s="192"/>
      <c r="F41" s="193"/>
    </row>
    <row r="42" spans="1:6" s="4" customFormat="1" ht="32.1" customHeight="1" x14ac:dyDescent="0.25">
      <c r="A42" s="115" t="s">
        <v>187</v>
      </c>
      <c r="B42" s="109" t="s">
        <v>142</v>
      </c>
      <c r="C42" s="17" t="s">
        <v>143</v>
      </c>
      <c r="D42" s="52"/>
      <c r="E42" s="192"/>
      <c r="F42" s="193"/>
    </row>
    <row r="43" spans="1:6" s="4" customFormat="1" ht="32.1" customHeight="1" x14ac:dyDescent="0.25">
      <c r="A43" s="115" t="s">
        <v>188</v>
      </c>
      <c r="B43" s="109" t="s">
        <v>144</v>
      </c>
      <c r="C43" s="17" t="s">
        <v>145</v>
      </c>
      <c r="D43" s="52"/>
      <c r="E43" s="192"/>
      <c r="F43" s="193"/>
    </row>
    <row r="44" spans="1:6" s="4" customFormat="1" ht="32.1" customHeight="1" x14ac:dyDescent="0.25">
      <c r="A44" s="115" t="s">
        <v>189</v>
      </c>
      <c r="B44" s="109" t="s">
        <v>146</v>
      </c>
      <c r="C44" s="17" t="s">
        <v>147</v>
      </c>
      <c r="D44" s="52"/>
      <c r="E44" s="192"/>
      <c r="F44" s="193"/>
    </row>
    <row r="45" spans="1:6" s="4" customFormat="1" ht="32.1" customHeight="1" x14ac:dyDescent="0.25">
      <c r="A45" s="225" t="s">
        <v>190</v>
      </c>
      <c r="B45" s="224" t="s">
        <v>148</v>
      </c>
      <c r="C45" s="17" t="s">
        <v>149</v>
      </c>
      <c r="D45" s="52"/>
      <c r="E45" s="192"/>
      <c r="F45" s="193"/>
    </row>
    <row r="46" spans="1:6" s="4" customFormat="1" ht="32.1" customHeight="1" x14ac:dyDescent="0.25">
      <c r="A46" s="225"/>
      <c r="B46" s="224"/>
      <c r="C46" s="17" t="s">
        <v>150</v>
      </c>
      <c r="D46" s="52"/>
      <c r="E46" s="192"/>
      <c r="F46" s="193"/>
    </row>
    <row r="47" spans="1:6" s="4" customFormat="1" ht="32.1" customHeight="1" x14ac:dyDescent="0.25">
      <c r="A47" s="225"/>
      <c r="B47" s="224"/>
      <c r="C47" s="17" t="s">
        <v>151</v>
      </c>
      <c r="D47" s="52"/>
      <c r="E47" s="192"/>
      <c r="F47" s="193"/>
    </row>
    <row r="48" spans="1:6" s="4" customFormat="1" ht="32.1" customHeight="1" x14ac:dyDescent="0.25">
      <c r="A48" s="225"/>
      <c r="B48" s="224"/>
      <c r="C48" s="17" t="s">
        <v>152</v>
      </c>
      <c r="D48" s="52"/>
      <c r="E48" s="192"/>
      <c r="F48" s="193"/>
    </row>
    <row r="49" spans="1:6" s="4" customFormat="1" ht="32.1" customHeight="1" x14ac:dyDescent="0.25">
      <c r="A49" s="114" t="s">
        <v>114</v>
      </c>
      <c r="B49" s="197" t="s">
        <v>153</v>
      </c>
      <c r="C49" s="197"/>
      <c r="D49" s="52"/>
      <c r="E49" s="192"/>
      <c r="F49" s="193"/>
    </row>
    <row r="50" spans="1:6" s="4" customFormat="1" ht="32.1" customHeight="1" x14ac:dyDescent="0.25">
      <c r="A50" s="115" t="s">
        <v>191</v>
      </c>
      <c r="B50" s="109" t="s">
        <v>154</v>
      </c>
      <c r="C50" s="106" t="s">
        <v>163</v>
      </c>
      <c r="D50" s="52"/>
      <c r="E50" s="192"/>
      <c r="F50" s="193"/>
    </row>
    <row r="51" spans="1:6" s="4" customFormat="1" ht="32.1" customHeight="1" x14ac:dyDescent="0.25">
      <c r="A51" s="115" t="s">
        <v>192</v>
      </c>
      <c r="B51" s="109" t="s">
        <v>155</v>
      </c>
      <c r="C51" s="106" t="s">
        <v>164</v>
      </c>
      <c r="D51" s="52"/>
      <c r="E51" s="192"/>
      <c r="F51" s="193"/>
    </row>
    <row r="52" spans="1:6" s="4" customFormat="1" ht="32.1" customHeight="1" x14ac:dyDescent="0.25">
      <c r="A52" s="115" t="s">
        <v>193</v>
      </c>
      <c r="B52" s="109" t="s">
        <v>156</v>
      </c>
      <c r="C52" s="106" t="s">
        <v>165</v>
      </c>
      <c r="D52" s="52"/>
      <c r="E52" s="192"/>
      <c r="F52" s="193"/>
    </row>
    <row r="53" spans="1:6" s="4" customFormat="1" ht="32.1" customHeight="1" x14ac:dyDescent="0.25">
      <c r="A53" s="115" t="s">
        <v>194</v>
      </c>
      <c r="B53" s="109" t="s">
        <v>157</v>
      </c>
      <c r="C53" s="107" t="s">
        <v>134</v>
      </c>
      <c r="D53" s="52"/>
      <c r="E53" s="192"/>
      <c r="F53" s="193"/>
    </row>
    <row r="54" spans="1:6" s="4" customFormat="1" ht="32.1" customHeight="1" x14ac:dyDescent="0.25">
      <c r="A54" s="115" t="s">
        <v>195</v>
      </c>
      <c r="B54" s="109" t="s">
        <v>158</v>
      </c>
      <c r="C54" s="107" t="s">
        <v>166</v>
      </c>
      <c r="D54" s="52"/>
      <c r="E54" s="192"/>
      <c r="F54" s="193"/>
    </row>
    <row r="55" spans="1:6" s="4" customFormat="1" ht="32.1" customHeight="1" x14ac:dyDescent="0.25">
      <c r="A55" s="115" t="s">
        <v>196</v>
      </c>
      <c r="B55" s="109" t="s">
        <v>159</v>
      </c>
      <c r="C55" s="107" t="s">
        <v>167</v>
      </c>
      <c r="D55" s="52"/>
      <c r="E55" s="192"/>
      <c r="F55" s="193"/>
    </row>
    <row r="56" spans="1:6" s="4" customFormat="1" ht="32.1" customHeight="1" x14ac:dyDescent="0.25">
      <c r="A56" s="115" t="s">
        <v>197</v>
      </c>
      <c r="B56" s="109" t="s">
        <v>160</v>
      </c>
      <c r="C56" s="107" t="s">
        <v>168</v>
      </c>
      <c r="D56" s="52"/>
      <c r="E56" s="192"/>
      <c r="F56" s="193"/>
    </row>
    <row r="57" spans="1:6" s="4" customFormat="1" ht="32.1" customHeight="1" x14ac:dyDescent="0.25">
      <c r="A57" s="115" t="s">
        <v>198</v>
      </c>
      <c r="B57" s="109" t="s">
        <v>161</v>
      </c>
      <c r="C57" s="107" t="s">
        <v>169</v>
      </c>
      <c r="D57" s="52"/>
      <c r="E57" s="192"/>
      <c r="F57" s="193"/>
    </row>
    <row r="58" spans="1:6" s="4" customFormat="1" ht="32.1" customHeight="1" x14ac:dyDescent="0.25">
      <c r="A58" s="115" t="s">
        <v>199</v>
      </c>
      <c r="B58" s="109" t="s">
        <v>162</v>
      </c>
      <c r="C58" s="107" t="s">
        <v>170</v>
      </c>
      <c r="D58" s="52"/>
      <c r="E58" s="192"/>
      <c r="F58" s="193"/>
    </row>
    <row r="59" spans="1:6" s="4" customFormat="1" ht="32.1" customHeight="1" x14ac:dyDescent="0.25">
      <c r="A59" s="114" t="s">
        <v>115</v>
      </c>
      <c r="B59" s="197" t="s">
        <v>171</v>
      </c>
      <c r="C59" s="197"/>
      <c r="D59" s="52"/>
      <c r="E59" s="192"/>
      <c r="F59" s="193"/>
    </row>
    <row r="60" spans="1:6" s="4" customFormat="1" ht="32.1" customHeight="1" x14ac:dyDescent="0.25">
      <c r="A60" s="115" t="s">
        <v>200</v>
      </c>
      <c r="B60" s="107" t="s">
        <v>172</v>
      </c>
      <c r="C60" s="110">
        <v>0</v>
      </c>
      <c r="D60" s="52"/>
      <c r="E60" s="192"/>
      <c r="F60" s="193"/>
    </row>
    <row r="61" spans="1:6" s="4" customFormat="1" ht="32.1" customHeight="1" x14ac:dyDescent="0.25">
      <c r="A61" s="115" t="s">
        <v>201</v>
      </c>
      <c r="B61" s="107" t="s">
        <v>173</v>
      </c>
      <c r="C61" s="110">
        <v>0</v>
      </c>
      <c r="D61" s="52"/>
      <c r="E61" s="192"/>
      <c r="F61" s="193"/>
    </row>
    <row r="62" spans="1:6" s="4" customFormat="1" ht="32.1" customHeight="1" x14ac:dyDescent="0.25">
      <c r="A62" s="115" t="s">
        <v>202</v>
      </c>
      <c r="B62" s="107" t="s">
        <v>174</v>
      </c>
      <c r="C62" s="110">
        <v>0.1</v>
      </c>
      <c r="D62" s="52"/>
      <c r="E62" s="192"/>
      <c r="F62" s="193"/>
    </row>
    <row r="63" spans="1:6" s="4" customFormat="1" ht="32.1" customHeight="1" x14ac:dyDescent="0.25">
      <c r="A63" s="115" t="s">
        <v>203</v>
      </c>
      <c r="B63" s="107" t="s">
        <v>175</v>
      </c>
      <c r="C63" s="110">
        <v>0.4</v>
      </c>
      <c r="D63" s="52"/>
      <c r="E63" s="192"/>
      <c r="F63" s="193"/>
    </row>
    <row r="64" spans="1:6" s="4" customFormat="1" ht="32.1" customHeight="1" x14ac:dyDescent="0.25">
      <c r="A64" s="115" t="s">
        <v>204</v>
      </c>
      <c r="B64" s="107" t="s">
        <v>176</v>
      </c>
      <c r="C64" s="110">
        <v>0.9</v>
      </c>
      <c r="D64" s="52"/>
      <c r="E64" s="192"/>
      <c r="F64" s="193"/>
    </row>
    <row r="65" spans="1:6" s="4" customFormat="1" ht="32.1" customHeight="1" x14ac:dyDescent="0.25">
      <c r="A65" s="115" t="s">
        <v>205</v>
      </c>
      <c r="B65" s="107" t="s">
        <v>177</v>
      </c>
      <c r="C65" s="110">
        <v>1.6</v>
      </c>
      <c r="D65" s="52"/>
      <c r="E65" s="192"/>
      <c r="F65" s="193"/>
    </row>
    <row r="66" spans="1:6" s="4" customFormat="1" ht="32.1" customHeight="1" x14ac:dyDescent="0.25">
      <c r="A66" s="114" t="s">
        <v>116</v>
      </c>
      <c r="B66" s="197" t="s">
        <v>178</v>
      </c>
      <c r="C66" s="197"/>
      <c r="D66" s="52"/>
      <c r="E66" s="192"/>
      <c r="F66" s="193"/>
    </row>
    <row r="67" spans="1:6" s="4" customFormat="1" ht="32.1" customHeight="1" x14ac:dyDescent="0.25">
      <c r="A67" s="115" t="s">
        <v>206</v>
      </c>
      <c r="B67" s="109" t="s">
        <v>179</v>
      </c>
      <c r="C67" s="110">
        <v>0.5</v>
      </c>
      <c r="D67" s="52"/>
      <c r="E67" s="192"/>
      <c r="F67" s="193"/>
    </row>
    <row r="68" spans="1:6" s="4" customFormat="1" ht="32.1" customHeight="1" x14ac:dyDescent="0.25">
      <c r="A68" s="115" t="s">
        <v>207</v>
      </c>
      <c r="B68" s="109" t="s">
        <v>180</v>
      </c>
      <c r="C68" s="110">
        <v>0.3</v>
      </c>
      <c r="D68" s="52"/>
      <c r="E68" s="192"/>
      <c r="F68" s="193"/>
    </row>
    <row r="69" spans="1:6" s="4" customFormat="1" ht="32.1" customHeight="1" x14ac:dyDescent="0.25">
      <c r="A69" s="115" t="s">
        <v>208</v>
      </c>
      <c r="B69" s="109" t="s">
        <v>181</v>
      </c>
      <c r="C69" s="112" t="s">
        <v>182</v>
      </c>
      <c r="D69" s="52"/>
      <c r="E69" s="192"/>
      <c r="F69" s="193"/>
    </row>
    <row r="70" spans="1:6" s="4" customFormat="1" ht="32.1" customHeight="1" x14ac:dyDescent="0.25">
      <c r="A70" s="225" t="s">
        <v>209</v>
      </c>
      <c r="B70" s="194" t="s">
        <v>148</v>
      </c>
      <c r="C70" s="17" t="s">
        <v>150</v>
      </c>
      <c r="D70" s="52"/>
      <c r="E70" s="192"/>
      <c r="F70" s="193"/>
    </row>
    <row r="71" spans="1:6" s="4" customFormat="1" ht="32.1" customHeight="1" x14ac:dyDescent="0.25">
      <c r="A71" s="225"/>
      <c r="B71" s="195"/>
      <c r="C71" s="17" t="s">
        <v>151</v>
      </c>
      <c r="D71" s="52"/>
      <c r="E71" s="192"/>
      <c r="F71" s="193"/>
    </row>
    <row r="72" spans="1:6" s="4" customFormat="1" ht="32.1" customHeight="1" thickBot="1" x14ac:dyDescent="0.3">
      <c r="A72" s="226"/>
      <c r="B72" s="196"/>
      <c r="C72" s="117" t="s">
        <v>183</v>
      </c>
      <c r="D72" s="53"/>
      <c r="E72" s="192"/>
      <c r="F72" s="193"/>
    </row>
    <row r="73" spans="1:6" s="30" customFormat="1" ht="30" customHeight="1" x14ac:dyDescent="0.25">
      <c r="A73" s="169" t="s">
        <v>34</v>
      </c>
      <c r="B73" s="169"/>
      <c r="C73" s="169"/>
      <c r="D73" s="169"/>
      <c r="E73" s="169"/>
      <c r="F73" s="3"/>
    </row>
    <row r="74" spans="1:6" s="2" customFormat="1" ht="24" x14ac:dyDescent="0.25">
      <c r="A74" s="29" t="s">
        <v>35</v>
      </c>
      <c r="B74" s="29"/>
      <c r="C74" s="189"/>
      <c r="D74" s="189"/>
      <c r="F74" s="30"/>
    </row>
    <row r="75" spans="1:6" s="2" customFormat="1" ht="24" x14ac:dyDescent="0.25">
      <c r="A75" s="29" t="s">
        <v>36</v>
      </c>
      <c r="B75" s="29"/>
      <c r="C75" s="181"/>
      <c r="D75" s="181"/>
      <c r="F75" s="30"/>
    </row>
    <row r="76" spans="1:6" s="2" customFormat="1" ht="24.95" customHeight="1" x14ac:dyDescent="0.25">
      <c r="A76" s="29" t="s">
        <v>37</v>
      </c>
      <c r="B76" s="29"/>
      <c r="C76" s="181"/>
      <c r="D76" s="181"/>
      <c r="F76" s="30"/>
    </row>
    <row r="77" spans="1:6" s="3" customFormat="1" ht="34.5" customHeight="1" x14ac:dyDescent="0.25">
      <c r="A77" s="29" t="s">
        <v>38</v>
      </c>
      <c r="B77" s="29"/>
      <c r="C77" s="181"/>
      <c r="D77" s="181"/>
      <c r="E77" s="2"/>
      <c r="F77" s="31"/>
    </row>
    <row r="78" spans="1:6" s="2" customFormat="1" ht="24.75" customHeight="1" x14ac:dyDescent="0.2">
      <c r="A78" s="11"/>
      <c r="B78" s="11"/>
      <c r="C78" s="12"/>
      <c r="D78" s="12"/>
      <c r="F78" s="32"/>
    </row>
    <row r="79" spans="1:6" s="3" customFormat="1" ht="15" customHeight="1" x14ac:dyDescent="0.25">
      <c r="A79" s="182" t="s">
        <v>39</v>
      </c>
      <c r="B79" s="182"/>
      <c r="C79" s="182"/>
      <c r="D79" s="182"/>
      <c r="E79" s="182"/>
      <c r="F79" s="182"/>
    </row>
    <row r="80" spans="1:6" s="2" customFormat="1" ht="36.75" customHeight="1" x14ac:dyDescent="0.25">
      <c r="A80" s="183" t="s">
        <v>50</v>
      </c>
      <c r="B80" s="183"/>
      <c r="C80" s="183"/>
      <c r="D80" s="183"/>
      <c r="E80" s="183"/>
      <c r="F80" s="183"/>
    </row>
    <row r="81" spans="1:9" s="2" customFormat="1" ht="20.100000000000001" customHeight="1" x14ac:dyDescent="0.2">
      <c r="A81" s="1"/>
      <c r="B81" s="1"/>
      <c r="C81" s="1"/>
      <c r="D81" s="8"/>
      <c r="E81" s="8"/>
    </row>
    <row r="82" spans="1:9" s="3" customFormat="1" ht="4.5" customHeight="1" x14ac:dyDescent="0.2">
      <c r="A82" s="1"/>
      <c r="B82" s="1"/>
      <c r="C82" s="1"/>
      <c r="D82" s="8"/>
      <c r="E82" s="8"/>
      <c r="F82" s="2"/>
    </row>
    <row r="83" spans="1:9" s="3" customFormat="1" ht="20.100000000000001" customHeight="1" x14ac:dyDescent="0.25">
      <c r="A83" s="33" t="s">
        <v>40</v>
      </c>
      <c r="B83" s="33"/>
      <c r="C83" s="49"/>
      <c r="D83" s="34" t="s">
        <v>41</v>
      </c>
      <c r="E83" s="188"/>
      <c r="F83" s="188"/>
    </row>
    <row r="84" spans="1:9" s="3" customFormat="1" ht="20.100000000000001" customHeight="1" x14ac:dyDescent="0.25">
      <c r="A84" s="46" t="s">
        <v>42</v>
      </c>
      <c r="B84" s="46"/>
      <c r="C84" s="50"/>
      <c r="D84" s="35"/>
      <c r="E84" s="36"/>
      <c r="F84" s="36"/>
    </row>
    <row r="85" spans="1:9" ht="20.100000000000001" customHeight="1" x14ac:dyDescent="0.2">
      <c r="D85" s="37" t="s">
        <v>43</v>
      </c>
      <c r="E85" s="189"/>
      <c r="F85" s="189"/>
    </row>
    <row r="86" spans="1:9" s="2" customFormat="1" ht="20.100000000000001" customHeight="1" x14ac:dyDescent="0.2">
      <c r="A86" s="1"/>
      <c r="B86" s="1"/>
      <c r="C86" s="1"/>
      <c r="D86" s="37" t="s">
        <v>44</v>
      </c>
      <c r="E86" s="181"/>
      <c r="F86" s="181"/>
    </row>
    <row r="87" spans="1:9" s="2" customFormat="1" ht="20.100000000000001" customHeight="1" x14ac:dyDescent="0.2">
      <c r="A87" s="1"/>
      <c r="B87" s="1"/>
      <c r="C87" s="1"/>
      <c r="D87" s="38" t="s">
        <v>45</v>
      </c>
      <c r="E87" s="1"/>
    </row>
    <row r="88" spans="1:9" s="2" customFormat="1" ht="37.5" customHeight="1" x14ac:dyDescent="0.25"/>
    <row r="89" spans="1:9" s="2" customFormat="1" ht="24" customHeight="1" x14ac:dyDescent="0.25"/>
    <row r="90" spans="1:9" s="2" customFormat="1" ht="24" customHeight="1" x14ac:dyDescent="0.25"/>
    <row r="91" spans="1:9" s="2" customFormat="1" ht="24" customHeight="1" x14ac:dyDescent="0.25"/>
    <row r="92" spans="1:9" s="2" customFormat="1" ht="20.100000000000001" customHeight="1" x14ac:dyDescent="0.25"/>
    <row r="93" spans="1:9" s="2" customFormat="1" ht="20.100000000000001" customHeight="1" x14ac:dyDescent="0.25"/>
    <row r="94" spans="1:9" s="2" customFormat="1" ht="50.1" customHeight="1" x14ac:dyDescent="0.25"/>
    <row r="95" spans="1:9" s="2" customFormat="1" ht="43.5" customHeight="1" x14ac:dyDescent="0.25"/>
    <row r="96" spans="1:9" s="2" customFormat="1" ht="24.75" customHeight="1" x14ac:dyDescent="0.2">
      <c r="G96" s="1"/>
      <c r="H96" s="1"/>
      <c r="I96" s="1"/>
    </row>
    <row r="97" spans="1:9" s="2" customFormat="1" x14ac:dyDescent="0.2">
      <c r="G97" s="1"/>
      <c r="H97" s="1"/>
      <c r="I97" s="1"/>
    </row>
    <row r="98" spans="1:9" s="2" customFormat="1" ht="20.100000000000001" customHeight="1" x14ac:dyDescent="0.2">
      <c r="A98" s="1"/>
      <c r="B98" s="1"/>
      <c r="C98" s="1"/>
      <c r="D98" s="8"/>
      <c r="E98" s="8"/>
      <c r="G98" s="1"/>
      <c r="H98" s="1"/>
      <c r="I98" s="1"/>
    </row>
    <row r="99" spans="1:9" s="2" customFormat="1" ht="4.5" customHeight="1" x14ac:dyDescent="0.2">
      <c r="A99" s="1"/>
      <c r="B99" s="1"/>
      <c r="C99" s="1"/>
      <c r="D99" s="8"/>
      <c r="E99" s="8"/>
      <c r="G99" s="1"/>
      <c r="H99" s="1"/>
      <c r="I99" s="1"/>
    </row>
    <row r="100" spans="1:9" s="2" customFormat="1" ht="20.100000000000001" customHeight="1" x14ac:dyDescent="0.2">
      <c r="A100" s="1"/>
      <c r="B100" s="1"/>
      <c r="C100" s="1"/>
      <c r="D100" s="8"/>
      <c r="E100" s="8"/>
      <c r="G100" s="1"/>
      <c r="H100" s="1"/>
      <c r="I100" s="1"/>
    </row>
    <row r="101" spans="1:9" s="2" customFormat="1" ht="20.100000000000001" customHeight="1" x14ac:dyDescent="0.2">
      <c r="A101" s="1"/>
      <c r="B101" s="1"/>
      <c r="C101" s="1"/>
      <c r="D101" s="8"/>
      <c r="E101" s="8"/>
      <c r="G101" s="1"/>
      <c r="H101" s="1"/>
      <c r="I101" s="1"/>
    </row>
    <row r="102" spans="1:9" s="2" customFormat="1" ht="20.100000000000001" customHeight="1" x14ac:dyDescent="0.2">
      <c r="A102" s="1"/>
      <c r="B102" s="1"/>
      <c r="C102" s="1"/>
      <c r="D102" s="8"/>
      <c r="E102" s="8"/>
      <c r="G102" s="1"/>
      <c r="H102" s="1"/>
      <c r="I102" s="1"/>
    </row>
  </sheetData>
  <mergeCells count="89">
    <mergeCell ref="E83:F83"/>
    <mergeCell ref="E85:F85"/>
    <mergeCell ref="E86:F86"/>
    <mergeCell ref="C74:D74"/>
    <mergeCell ref="C75:D75"/>
    <mergeCell ref="C76:D76"/>
    <mergeCell ref="C77:D77"/>
    <mergeCell ref="A79:F79"/>
    <mergeCell ref="A80:F80"/>
    <mergeCell ref="A73:E73"/>
    <mergeCell ref="E43:F43"/>
    <mergeCell ref="E39:F39"/>
    <mergeCell ref="E40:F40"/>
    <mergeCell ref="E41:F41"/>
    <mergeCell ref="E42:F42"/>
    <mergeCell ref="B49:C49"/>
    <mergeCell ref="B59:C59"/>
    <mergeCell ref="B45:B48"/>
    <mergeCell ref="B66:C66"/>
    <mergeCell ref="A45:A48"/>
    <mergeCell ref="A70:A72"/>
    <mergeCell ref="E57:F57"/>
    <mergeCell ref="E58:F58"/>
    <mergeCell ref="E59:F59"/>
    <mergeCell ref="E60:F60"/>
    <mergeCell ref="E34:F34"/>
    <mergeCell ref="E35:F35"/>
    <mergeCell ref="E36:F36"/>
    <mergeCell ref="E37:F37"/>
    <mergeCell ref="A29:F29"/>
    <mergeCell ref="A30:F30"/>
    <mergeCell ref="E31:F31"/>
    <mergeCell ref="E32:F32"/>
    <mergeCell ref="E33:F33"/>
    <mergeCell ref="B33:C33"/>
    <mergeCell ref="B35:C35"/>
    <mergeCell ref="A1:F1"/>
    <mergeCell ref="A2:F2"/>
    <mergeCell ref="A3:F3"/>
    <mergeCell ref="A7:F7"/>
    <mergeCell ref="A8:F8"/>
    <mergeCell ref="A4:B4"/>
    <mergeCell ref="A5:B5"/>
    <mergeCell ref="B21:D21"/>
    <mergeCell ref="B23:D23"/>
    <mergeCell ref="B31:C31"/>
    <mergeCell ref="B32:C32"/>
    <mergeCell ref="A11:F11"/>
    <mergeCell ref="A12:D12"/>
    <mergeCell ref="A13:D13"/>
    <mergeCell ref="A20:D20"/>
    <mergeCell ref="A22:F22"/>
    <mergeCell ref="A25:F25"/>
    <mergeCell ref="A27:C28"/>
    <mergeCell ref="D27:F27"/>
    <mergeCell ref="E28:F28"/>
    <mergeCell ref="A9:F9"/>
    <mergeCell ref="A16:D16"/>
    <mergeCell ref="A17:D17"/>
    <mergeCell ref="A18:F18"/>
    <mergeCell ref="A19:F19"/>
    <mergeCell ref="E38:F38"/>
    <mergeCell ref="B70:B72"/>
    <mergeCell ref="E44:F44"/>
    <mergeCell ref="E45:F45"/>
    <mergeCell ref="E46:F46"/>
    <mergeCell ref="E47:F47"/>
    <mergeCell ref="E48:F48"/>
    <mergeCell ref="E49:F49"/>
    <mergeCell ref="E50:F50"/>
    <mergeCell ref="E51:F51"/>
    <mergeCell ref="E52:F52"/>
    <mergeCell ref="E53:F53"/>
    <mergeCell ref="B38:C38"/>
    <mergeCell ref="E54:F54"/>
    <mergeCell ref="E55:F55"/>
    <mergeCell ref="E56:F56"/>
    <mergeCell ref="E61:F61"/>
    <mergeCell ref="E62:F62"/>
    <mergeCell ref="E63:F63"/>
    <mergeCell ref="E69:F69"/>
    <mergeCell ref="E70:F70"/>
    <mergeCell ref="E71:F71"/>
    <mergeCell ref="E72:F72"/>
    <mergeCell ref="E64:F64"/>
    <mergeCell ref="E65:F65"/>
    <mergeCell ref="E66:F66"/>
    <mergeCell ref="E67:F67"/>
    <mergeCell ref="E68:F68"/>
  </mergeCells>
  <conditionalFormatting sqref="C74:D77 D31:D37 D39:D72">
    <cfRule type="containsBlanks" dxfId="13" priority="7">
      <formula>LEN(TRIM(C31))=0</formula>
    </cfRule>
  </conditionalFormatting>
  <conditionalFormatting sqref="E85:F85">
    <cfRule type="containsBlanks" dxfId="12" priority="6">
      <formula>LEN(TRIM(E85))=0</formula>
    </cfRule>
  </conditionalFormatting>
  <conditionalFormatting sqref="E86:F86">
    <cfRule type="containsBlanks" dxfId="11" priority="5">
      <formula>LEN(TRIM(E86))=0</formula>
    </cfRule>
  </conditionalFormatting>
  <conditionalFormatting sqref="C83">
    <cfRule type="containsBlanks" dxfId="10" priority="2">
      <formula>LEN(TRIM(C83))=0</formula>
    </cfRule>
  </conditionalFormatting>
  <conditionalFormatting sqref="C4">
    <cfRule type="containsBlanks" dxfId="9" priority="4">
      <formula>LEN(TRIM(C4))=0</formula>
    </cfRule>
  </conditionalFormatting>
  <conditionalFormatting sqref="C5">
    <cfRule type="containsBlanks" dxfId="8" priority="3">
      <formula>LEN(TRIM(C5))=0</formula>
    </cfRule>
  </conditionalFormatting>
  <conditionalFormatting sqref="C84">
    <cfRule type="containsBlanks" dxfId="7" priority="1">
      <formula>LEN(TRIM(C84))=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pageSetUpPr fitToPage="1"/>
  </sheetPr>
  <dimension ref="A1:I97"/>
  <sheetViews>
    <sheetView showGridLines="0" topLeftCell="A7" zoomScale="90" zoomScaleNormal="90" workbookViewId="0">
      <selection activeCell="C64" sqref="C64"/>
    </sheetView>
  </sheetViews>
  <sheetFormatPr defaultColWidth="9.140625" defaultRowHeight="12.75" x14ac:dyDescent="0.2"/>
  <cols>
    <col min="1" max="1" width="14" style="1" customWidth="1"/>
    <col min="2" max="2" width="37" style="1" customWidth="1"/>
    <col min="3" max="3" width="68.85546875" style="1" customWidth="1"/>
    <col min="4" max="4" width="16.42578125" style="8" customWidth="1"/>
    <col min="5" max="5" width="13.7109375" style="8" customWidth="1"/>
    <col min="6" max="6" width="67.140625" style="2" customWidth="1"/>
    <col min="7" max="7" width="17.140625" style="1" customWidth="1"/>
    <col min="8" max="8" width="13.140625" style="1" customWidth="1"/>
    <col min="9" max="9" width="9.140625" style="1" customWidth="1"/>
    <col min="10" max="16384" width="9.140625" style="1"/>
  </cols>
  <sheetData>
    <row r="1" spans="1:6" ht="24" customHeight="1" x14ac:dyDescent="0.2">
      <c r="A1" s="170" t="s">
        <v>48</v>
      </c>
      <c r="B1" s="170"/>
      <c r="C1" s="170"/>
      <c r="D1" s="170"/>
      <c r="E1" s="170"/>
      <c r="F1" s="170"/>
    </row>
    <row r="2" spans="1:6" ht="27.75" customHeight="1" x14ac:dyDescent="0.2">
      <c r="A2" s="180" t="s">
        <v>46</v>
      </c>
      <c r="B2" s="180"/>
      <c r="C2" s="180"/>
      <c r="D2" s="180"/>
      <c r="E2" s="180"/>
      <c r="F2" s="180"/>
    </row>
    <row r="3" spans="1:6" ht="56.1" customHeight="1" x14ac:dyDescent="0.2">
      <c r="A3" s="149" t="s">
        <v>52</v>
      </c>
      <c r="B3" s="149"/>
      <c r="C3" s="149"/>
      <c r="D3" s="149"/>
      <c r="E3" s="149"/>
      <c r="F3" s="149"/>
    </row>
    <row r="4" spans="1:6" ht="24.95" customHeight="1" x14ac:dyDescent="0.2">
      <c r="A4" s="209" t="s">
        <v>51</v>
      </c>
      <c r="B4" s="209"/>
      <c r="C4" s="85"/>
      <c r="D4" s="39"/>
      <c r="E4" s="39"/>
      <c r="F4" s="39"/>
    </row>
    <row r="5" spans="1:6" ht="24.95" customHeight="1" x14ac:dyDescent="0.2">
      <c r="A5" s="209" t="s">
        <v>49</v>
      </c>
      <c r="B5" s="209"/>
      <c r="C5" s="84"/>
      <c r="D5" s="39"/>
      <c r="E5" s="39"/>
      <c r="F5" s="39"/>
    </row>
    <row r="6" spans="1:6" ht="5.0999999999999996" customHeight="1" x14ac:dyDescent="0.2">
      <c r="A6" s="39"/>
      <c r="B6" s="39"/>
      <c r="C6" s="39"/>
      <c r="D6" s="39"/>
      <c r="E6" s="39"/>
      <c r="F6" s="39"/>
    </row>
    <row r="7" spans="1:6" s="2" customFormat="1" ht="20.100000000000001" customHeight="1" x14ac:dyDescent="0.25">
      <c r="A7" s="141" t="s">
        <v>4</v>
      </c>
      <c r="B7" s="141"/>
      <c r="C7" s="141"/>
      <c r="D7" s="141"/>
      <c r="E7" s="141"/>
      <c r="F7" s="141"/>
    </row>
    <row r="8" spans="1:6" s="2" customFormat="1" ht="20.100000000000001" customHeight="1" x14ac:dyDescent="0.25">
      <c r="A8" s="150" t="s">
        <v>8</v>
      </c>
      <c r="B8" s="150"/>
      <c r="C8" s="150"/>
      <c r="D8" s="150"/>
      <c r="E8" s="150"/>
      <c r="F8" s="150"/>
    </row>
    <row r="9" spans="1:6" ht="24.95" customHeight="1" x14ac:dyDescent="0.2">
      <c r="A9" s="151" t="s">
        <v>104</v>
      </c>
      <c r="B9" s="151"/>
      <c r="C9" s="151"/>
      <c r="D9" s="151"/>
      <c r="E9" s="151"/>
      <c r="F9" s="151"/>
    </row>
    <row r="10" spans="1:6" ht="4.5" customHeight="1" x14ac:dyDescent="0.2">
      <c r="A10" s="82"/>
      <c r="B10" s="82"/>
      <c r="C10" s="82"/>
      <c r="D10" s="82"/>
      <c r="E10" s="82"/>
      <c r="F10" s="82"/>
    </row>
    <row r="11" spans="1:6" s="2" customFormat="1" ht="20.100000000000001" customHeight="1" x14ac:dyDescent="0.25">
      <c r="A11" s="152" t="s">
        <v>9</v>
      </c>
      <c r="B11" s="152"/>
      <c r="C11" s="152"/>
      <c r="D11" s="152"/>
      <c r="E11" s="152"/>
      <c r="F11" s="152"/>
    </row>
    <row r="12" spans="1:6" s="2" customFormat="1" ht="24.95" customHeight="1" x14ac:dyDescent="0.2">
      <c r="A12" s="153" t="s">
        <v>78</v>
      </c>
      <c r="B12" s="153"/>
      <c r="C12" s="153"/>
      <c r="D12" s="153"/>
      <c r="E12" s="15"/>
      <c r="F12" s="15"/>
    </row>
    <row r="13" spans="1:6" s="3" customFormat="1" ht="20.100000000000001" customHeight="1" x14ac:dyDescent="0.25">
      <c r="A13" s="153" t="s">
        <v>24</v>
      </c>
      <c r="B13" s="153"/>
      <c r="C13" s="153"/>
      <c r="D13" s="153"/>
      <c r="E13" s="21"/>
      <c r="F13" s="22"/>
    </row>
    <row r="14" spans="1:6" ht="4.5" customHeight="1" x14ac:dyDescent="0.2">
      <c r="A14" s="82"/>
      <c r="B14" s="82"/>
      <c r="C14" s="82"/>
      <c r="D14" s="82"/>
      <c r="E14" s="82"/>
      <c r="F14" s="82"/>
    </row>
    <row r="15" spans="1:6" x14ac:dyDescent="0.2">
      <c r="A15" s="40" t="s">
        <v>10</v>
      </c>
      <c r="B15" s="40"/>
      <c r="C15" s="23"/>
      <c r="D15" s="23"/>
      <c r="E15" s="24"/>
      <c r="F15" s="24"/>
    </row>
    <row r="16" spans="1:6" s="3" customFormat="1" ht="24.95" customHeight="1" x14ac:dyDescent="0.25">
      <c r="A16" s="159" t="s">
        <v>56</v>
      </c>
      <c r="B16" s="159"/>
      <c r="C16" s="159"/>
      <c r="D16" s="159"/>
      <c r="E16" s="21"/>
      <c r="F16" s="22"/>
    </row>
    <row r="17" spans="1:7" ht="5.0999999999999996" customHeight="1" x14ac:dyDescent="0.2">
      <c r="A17" s="140"/>
      <c r="B17" s="140"/>
      <c r="C17" s="140"/>
      <c r="D17" s="140"/>
      <c r="F17" s="16"/>
    </row>
    <row r="18" spans="1:7" s="2" customFormat="1" ht="20.100000000000001" customHeight="1" x14ac:dyDescent="0.25">
      <c r="A18" s="141" t="s">
        <v>21</v>
      </c>
      <c r="B18" s="141"/>
      <c r="C18" s="141"/>
      <c r="D18" s="141"/>
      <c r="E18" s="141"/>
      <c r="F18" s="141"/>
    </row>
    <row r="19" spans="1:7" ht="24.95" customHeight="1" x14ac:dyDescent="0.2">
      <c r="A19" s="153" t="s">
        <v>105</v>
      </c>
      <c r="B19" s="153"/>
      <c r="C19" s="153"/>
      <c r="D19" s="153"/>
      <c r="E19" s="153"/>
      <c r="F19" s="153"/>
    </row>
    <row r="20" spans="1:7" ht="5.0999999999999996" customHeight="1" thickBot="1" x14ac:dyDescent="0.25">
      <c r="A20" s="205"/>
      <c r="B20" s="205"/>
      <c r="C20" s="205"/>
      <c r="D20" s="205"/>
      <c r="F20" s="16"/>
    </row>
    <row r="21" spans="1:7" s="9" customFormat="1" ht="31.5" customHeight="1" thickBot="1" x14ac:dyDescent="0.3">
      <c r="A21" s="74" t="s">
        <v>66</v>
      </c>
      <c r="B21" s="198" t="s">
        <v>12</v>
      </c>
      <c r="C21" s="199"/>
      <c r="D21" s="200"/>
      <c r="E21" s="75" t="s">
        <v>11</v>
      </c>
      <c r="F21" s="76" t="s">
        <v>101</v>
      </c>
    </row>
    <row r="22" spans="1:7" s="9" customFormat="1" ht="31.5" customHeight="1" thickBot="1" x14ac:dyDescent="0.3">
      <c r="A22" s="206" t="s">
        <v>272</v>
      </c>
      <c r="B22" s="207"/>
      <c r="C22" s="207"/>
      <c r="D22" s="207"/>
      <c r="E22" s="207"/>
      <c r="F22" s="208"/>
    </row>
    <row r="23" spans="1:7" s="9" customFormat="1" ht="31.5" customHeight="1" x14ac:dyDescent="0.25">
      <c r="A23" s="77" t="s">
        <v>102</v>
      </c>
      <c r="B23" s="201" t="s">
        <v>273</v>
      </c>
      <c r="C23" s="202"/>
      <c r="D23" s="203"/>
      <c r="E23" s="78" t="s">
        <v>1</v>
      </c>
      <c r="F23" s="81">
        <v>320</v>
      </c>
    </row>
    <row r="24" spans="1:7" ht="5.0999999999999996" customHeight="1" x14ac:dyDescent="0.2"/>
    <row r="25" spans="1:7" s="2" customFormat="1" ht="20.100000000000001" customHeight="1" x14ac:dyDescent="0.25">
      <c r="A25" s="141" t="s">
        <v>23</v>
      </c>
      <c r="B25" s="141"/>
      <c r="C25" s="141"/>
      <c r="D25" s="141"/>
      <c r="E25" s="141"/>
      <c r="F25" s="141"/>
    </row>
    <row r="26" spans="1:7" s="2" customFormat="1" ht="5.0999999999999996" customHeight="1" thickBot="1" x14ac:dyDescent="0.3">
      <c r="A26" s="16"/>
      <c r="B26" s="16"/>
      <c r="D26" s="83"/>
      <c r="E26" s="83"/>
      <c r="F26" s="83"/>
    </row>
    <row r="27" spans="1:7" s="3" customFormat="1" ht="93" customHeight="1" x14ac:dyDescent="0.25">
      <c r="A27" s="171" t="s">
        <v>0</v>
      </c>
      <c r="B27" s="172"/>
      <c r="C27" s="172"/>
      <c r="D27" s="175" t="s">
        <v>25</v>
      </c>
      <c r="E27" s="176"/>
      <c r="F27" s="177"/>
      <c r="G27" s="25"/>
    </row>
    <row r="28" spans="1:7" s="3" customFormat="1" ht="30" customHeight="1" thickBot="1" x14ac:dyDescent="0.3">
      <c r="A28" s="210"/>
      <c r="B28" s="211"/>
      <c r="C28" s="211"/>
      <c r="D28" s="79" t="s">
        <v>26</v>
      </c>
      <c r="E28" s="212" t="s">
        <v>27</v>
      </c>
      <c r="F28" s="213"/>
    </row>
    <row r="29" spans="1:7" s="3" customFormat="1" ht="31.5" customHeight="1" thickBot="1" x14ac:dyDescent="0.3">
      <c r="A29" s="214" t="s">
        <v>272</v>
      </c>
      <c r="B29" s="215"/>
      <c r="C29" s="216"/>
      <c r="D29" s="216"/>
      <c r="E29" s="216"/>
      <c r="F29" s="217"/>
    </row>
    <row r="30" spans="1:7" s="27" customFormat="1" ht="31.5" customHeight="1" thickBot="1" x14ac:dyDescent="0.3">
      <c r="A30" s="218" t="s">
        <v>274</v>
      </c>
      <c r="B30" s="219"/>
      <c r="C30" s="220"/>
      <c r="D30" s="220"/>
      <c r="E30" s="220"/>
      <c r="F30" s="221"/>
    </row>
    <row r="31" spans="1:7" s="4" customFormat="1" ht="26.25" customHeight="1" x14ac:dyDescent="0.25">
      <c r="A31" s="113" t="s">
        <v>117</v>
      </c>
      <c r="B31" s="204" t="s">
        <v>213</v>
      </c>
      <c r="C31" s="204"/>
      <c r="D31" s="51"/>
      <c r="E31" s="222"/>
      <c r="F31" s="223"/>
    </row>
    <row r="32" spans="1:7" s="4" customFormat="1" ht="24.75" customHeight="1" x14ac:dyDescent="0.25">
      <c r="A32" s="114" t="s">
        <v>118</v>
      </c>
      <c r="B32" s="121" t="s">
        <v>214</v>
      </c>
      <c r="C32" s="122" t="s">
        <v>215</v>
      </c>
      <c r="D32" s="52"/>
      <c r="E32" s="192"/>
      <c r="F32" s="193"/>
    </row>
    <row r="33" spans="1:6" s="4" customFormat="1" ht="33" customHeight="1" x14ac:dyDescent="0.25">
      <c r="A33" s="114" t="s">
        <v>119</v>
      </c>
      <c r="B33" s="121" t="s">
        <v>216</v>
      </c>
      <c r="C33" s="122" t="s">
        <v>217</v>
      </c>
      <c r="D33" s="52"/>
      <c r="E33" s="192"/>
      <c r="F33" s="193"/>
    </row>
    <row r="34" spans="1:6" s="4" customFormat="1" ht="32.1" customHeight="1" x14ac:dyDescent="0.25">
      <c r="A34" s="114" t="s">
        <v>109</v>
      </c>
      <c r="B34" s="118" t="s">
        <v>218</v>
      </c>
      <c r="C34" s="119" t="s">
        <v>219</v>
      </c>
      <c r="D34" s="52"/>
      <c r="E34" s="192"/>
      <c r="F34" s="193"/>
    </row>
    <row r="35" spans="1:6" s="4" customFormat="1" ht="32.1" customHeight="1" x14ac:dyDescent="0.25">
      <c r="A35" s="114" t="s">
        <v>110</v>
      </c>
      <c r="B35" s="121" t="s">
        <v>220</v>
      </c>
      <c r="C35" s="122" t="s">
        <v>221</v>
      </c>
      <c r="D35" s="52"/>
      <c r="E35" s="192"/>
      <c r="F35" s="193"/>
    </row>
    <row r="36" spans="1:6" s="4" customFormat="1" ht="32.1" customHeight="1" x14ac:dyDescent="0.25">
      <c r="A36" s="114" t="s">
        <v>111</v>
      </c>
      <c r="B36" s="229" t="s">
        <v>222</v>
      </c>
      <c r="C36" s="230"/>
      <c r="D36" s="52"/>
      <c r="E36" s="192"/>
      <c r="F36" s="193"/>
    </row>
    <row r="37" spans="1:6" s="4" customFormat="1" ht="32.1" customHeight="1" x14ac:dyDescent="0.25">
      <c r="A37" s="115" t="s">
        <v>30</v>
      </c>
      <c r="B37" s="109" t="s">
        <v>223</v>
      </c>
      <c r="C37" s="110" t="s">
        <v>225</v>
      </c>
      <c r="D37" s="52"/>
      <c r="E37" s="192"/>
      <c r="F37" s="193"/>
    </row>
    <row r="38" spans="1:6" s="4" customFormat="1" ht="31.5" customHeight="1" x14ac:dyDescent="0.25">
      <c r="A38" s="115" t="s">
        <v>31</v>
      </c>
      <c r="B38" s="123" t="s">
        <v>224</v>
      </c>
      <c r="C38" s="110" t="s">
        <v>225</v>
      </c>
      <c r="D38" s="111"/>
      <c r="E38" s="192"/>
      <c r="F38" s="193"/>
    </row>
    <row r="39" spans="1:6" s="4" customFormat="1" ht="32.1" customHeight="1" x14ac:dyDescent="0.25">
      <c r="A39" s="114" t="s">
        <v>112</v>
      </c>
      <c r="B39" s="229" t="s">
        <v>226</v>
      </c>
      <c r="C39" s="230"/>
      <c r="D39" s="52"/>
      <c r="E39" s="192"/>
      <c r="F39" s="193"/>
    </row>
    <row r="40" spans="1:6" s="4" customFormat="1" ht="32.1" customHeight="1" x14ac:dyDescent="0.25">
      <c r="A40" s="115" t="s">
        <v>210</v>
      </c>
      <c r="B40" s="109" t="s">
        <v>227</v>
      </c>
      <c r="C40" s="112" t="s">
        <v>228</v>
      </c>
      <c r="D40" s="52"/>
      <c r="E40" s="192"/>
      <c r="F40" s="193"/>
    </row>
    <row r="41" spans="1:6" s="4" customFormat="1" ht="32.1" customHeight="1" x14ac:dyDescent="0.25">
      <c r="A41" s="114" t="s">
        <v>113</v>
      </c>
      <c r="B41" s="229" t="s">
        <v>229</v>
      </c>
      <c r="C41" s="230"/>
      <c r="D41" s="52"/>
      <c r="E41" s="192"/>
      <c r="F41" s="193"/>
    </row>
    <row r="42" spans="1:6" s="4" customFormat="1" ht="32.1" customHeight="1" x14ac:dyDescent="0.25">
      <c r="A42" s="115" t="s">
        <v>184</v>
      </c>
      <c r="B42" s="109" t="s">
        <v>230</v>
      </c>
      <c r="C42" s="110" t="s">
        <v>233</v>
      </c>
      <c r="D42" s="52"/>
      <c r="E42" s="192"/>
      <c r="F42" s="193"/>
    </row>
    <row r="43" spans="1:6" s="4" customFormat="1" ht="32.1" customHeight="1" x14ac:dyDescent="0.25">
      <c r="A43" s="115" t="s">
        <v>185</v>
      </c>
      <c r="B43" s="124" t="s">
        <v>231</v>
      </c>
      <c r="C43" s="110" t="s">
        <v>234</v>
      </c>
      <c r="D43" s="52"/>
      <c r="E43" s="192"/>
      <c r="F43" s="193"/>
    </row>
    <row r="44" spans="1:6" s="4" customFormat="1" ht="32.1" customHeight="1" x14ac:dyDescent="0.25">
      <c r="A44" s="115" t="s">
        <v>186</v>
      </c>
      <c r="B44" s="227" t="s">
        <v>232</v>
      </c>
      <c r="C44" s="228"/>
      <c r="D44" s="125"/>
      <c r="E44" s="192"/>
      <c r="F44" s="193"/>
    </row>
    <row r="45" spans="1:6" s="4" customFormat="1" ht="32.1" customHeight="1" x14ac:dyDescent="0.25">
      <c r="A45" s="115" t="s">
        <v>187</v>
      </c>
      <c r="B45" s="109" t="s">
        <v>230</v>
      </c>
      <c r="C45" s="110" t="s">
        <v>233</v>
      </c>
      <c r="D45" s="52"/>
      <c r="E45" s="192"/>
      <c r="F45" s="193"/>
    </row>
    <row r="46" spans="1:6" s="4" customFormat="1" ht="32.1" customHeight="1" x14ac:dyDescent="0.25">
      <c r="A46" s="115" t="s">
        <v>188</v>
      </c>
      <c r="B46" s="124" t="s">
        <v>231</v>
      </c>
      <c r="C46" s="110" t="s">
        <v>235</v>
      </c>
      <c r="D46" s="52"/>
      <c r="E46" s="192"/>
      <c r="F46" s="193"/>
    </row>
    <row r="47" spans="1:6" s="4" customFormat="1" ht="32.1" customHeight="1" x14ac:dyDescent="0.25">
      <c r="A47" s="114" t="s">
        <v>114</v>
      </c>
      <c r="B47" s="229" t="s">
        <v>236</v>
      </c>
      <c r="C47" s="230"/>
      <c r="D47" s="52"/>
      <c r="E47" s="192"/>
      <c r="F47" s="193"/>
    </row>
    <row r="48" spans="1:6" s="4" customFormat="1" ht="32.1" customHeight="1" x14ac:dyDescent="0.25">
      <c r="A48" s="115" t="s">
        <v>191</v>
      </c>
      <c r="B48" s="107" t="s">
        <v>227</v>
      </c>
      <c r="C48" s="110" t="s">
        <v>241</v>
      </c>
      <c r="D48" s="52"/>
      <c r="E48" s="192"/>
      <c r="F48" s="193"/>
    </row>
    <row r="49" spans="1:6" s="4" customFormat="1" ht="32.1" customHeight="1" x14ac:dyDescent="0.25">
      <c r="A49" s="115" t="s">
        <v>192</v>
      </c>
      <c r="B49" s="224" t="s">
        <v>232</v>
      </c>
      <c r="C49" s="224"/>
      <c r="D49" s="52"/>
      <c r="E49" s="192"/>
      <c r="F49" s="193"/>
    </row>
    <row r="50" spans="1:6" s="4" customFormat="1" ht="32.1" customHeight="1" x14ac:dyDescent="0.25">
      <c r="A50" s="115" t="s">
        <v>193</v>
      </c>
      <c r="B50" s="109" t="s">
        <v>227</v>
      </c>
      <c r="C50" s="108" t="s">
        <v>242</v>
      </c>
      <c r="D50" s="52"/>
      <c r="E50" s="192"/>
      <c r="F50" s="193"/>
    </row>
    <row r="51" spans="1:6" s="4" customFormat="1" ht="32.1" customHeight="1" x14ac:dyDescent="0.25">
      <c r="A51" s="115" t="s">
        <v>194</v>
      </c>
      <c r="B51" s="231" t="s">
        <v>237</v>
      </c>
      <c r="C51" s="232"/>
      <c r="D51" s="52"/>
      <c r="E51" s="192"/>
      <c r="F51" s="193"/>
    </row>
    <row r="52" spans="1:6" s="4" customFormat="1" ht="32.1" customHeight="1" x14ac:dyDescent="0.25">
      <c r="A52" s="115" t="s">
        <v>195</v>
      </c>
      <c r="B52" s="109" t="s">
        <v>238</v>
      </c>
      <c r="C52" s="110" t="s">
        <v>243</v>
      </c>
      <c r="D52" s="52"/>
      <c r="E52" s="192"/>
      <c r="F52" s="193"/>
    </row>
    <row r="53" spans="1:6" s="4" customFormat="1" ht="32.1" customHeight="1" x14ac:dyDescent="0.25">
      <c r="A53" s="115" t="s">
        <v>196</v>
      </c>
      <c r="B53" s="109" t="s">
        <v>239</v>
      </c>
      <c r="C53" s="110" t="s">
        <v>244</v>
      </c>
      <c r="D53" s="52"/>
      <c r="E53" s="192"/>
      <c r="F53" s="193"/>
    </row>
    <row r="54" spans="1:6" s="4" customFormat="1" ht="32.1" customHeight="1" x14ac:dyDescent="0.25">
      <c r="A54" s="115" t="s">
        <v>197</v>
      </c>
      <c r="B54" s="109" t="s">
        <v>240</v>
      </c>
      <c r="C54" s="110" t="s">
        <v>245</v>
      </c>
      <c r="D54" s="52"/>
      <c r="E54" s="192"/>
      <c r="F54" s="193"/>
    </row>
    <row r="55" spans="1:6" s="4" customFormat="1" ht="32.1" customHeight="1" x14ac:dyDescent="0.25">
      <c r="A55" s="114" t="s">
        <v>115</v>
      </c>
      <c r="B55" s="229" t="s">
        <v>246</v>
      </c>
      <c r="C55" s="230"/>
      <c r="D55" s="52"/>
      <c r="E55" s="192"/>
      <c r="F55" s="193"/>
    </row>
    <row r="56" spans="1:6" s="4" customFormat="1" ht="32.1" customHeight="1" x14ac:dyDescent="0.25">
      <c r="A56" s="115" t="s">
        <v>200</v>
      </c>
      <c r="B56" s="109" t="s">
        <v>136</v>
      </c>
      <c r="C56" s="110" t="s">
        <v>247</v>
      </c>
      <c r="D56" s="52"/>
      <c r="E56" s="192"/>
      <c r="F56" s="193"/>
    </row>
    <row r="57" spans="1:6" s="4" customFormat="1" ht="32.1" customHeight="1" x14ac:dyDescent="0.25">
      <c r="A57" s="115" t="s">
        <v>201</v>
      </c>
      <c r="B57" s="109" t="s">
        <v>252</v>
      </c>
      <c r="C57" s="110" t="s">
        <v>248</v>
      </c>
      <c r="D57" s="52"/>
      <c r="E57" s="192"/>
      <c r="F57" s="193"/>
    </row>
    <row r="58" spans="1:6" s="4" customFormat="1" ht="32.1" customHeight="1" x14ac:dyDescent="0.25">
      <c r="A58" s="115" t="s">
        <v>202</v>
      </c>
      <c r="B58" s="109" t="s">
        <v>253</v>
      </c>
      <c r="C58" s="110" t="s">
        <v>249</v>
      </c>
      <c r="D58" s="52"/>
      <c r="E58" s="192"/>
      <c r="F58" s="193"/>
    </row>
    <row r="59" spans="1:6" s="4" customFormat="1" ht="32.1" customHeight="1" x14ac:dyDescent="0.25">
      <c r="A59" s="115" t="s">
        <v>203</v>
      </c>
      <c r="B59" s="123" t="s">
        <v>254</v>
      </c>
      <c r="C59" s="110" t="s">
        <v>250</v>
      </c>
      <c r="D59" s="52"/>
      <c r="E59" s="192"/>
      <c r="F59" s="193"/>
    </row>
    <row r="60" spans="1:6" s="4" customFormat="1" ht="32.1" customHeight="1" x14ac:dyDescent="0.25">
      <c r="A60" s="115" t="s">
        <v>204</v>
      </c>
      <c r="B60" s="107" t="s">
        <v>255</v>
      </c>
      <c r="C60" s="110" t="s">
        <v>251</v>
      </c>
      <c r="D60" s="52"/>
      <c r="E60" s="192"/>
      <c r="F60" s="193"/>
    </row>
    <row r="61" spans="1:6" s="4" customFormat="1" ht="32.1" customHeight="1" x14ac:dyDescent="0.25">
      <c r="A61" s="114" t="s">
        <v>116</v>
      </c>
      <c r="B61" s="233" t="s">
        <v>261</v>
      </c>
      <c r="C61" s="234"/>
      <c r="D61" s="52"/>
      <c r="E61" s="192"/>
      <c r="F61" s="193"/>
    </row>
    <row r="62" spans="1:6" s="4" customFormat="1" ht="32.1" customHeight="1" x14ac:dyDescent="0.25">
      <c r="A62" s="115" t="s">
        <v>206</v>
      </c>
      <c r="B62" s="107" t="s">
        <v>262</v>
      </c>
      <c r="C62" s="110" t="s">
        <v>256</v>
      </c>
      <c r="D62" s="52"/>
      <c r="E62" s="192"/>
      <c r="F62" s="193"/>
    </row>
    <row r="63" spans="1:6" s="4" customFormat="1" ht="32.1" customHeight="1" x14ac:dyDescent="0.25">
      <c r="A63" s="115" t="s">
        <v>207</v>
      </c>
      <c r="B63" s="107" t="s">
        <v>263</v>
      </c>
      <c r="C63" s="110" t="s">
        <v>257</v>
      </c>
      <c r="D63" s="52"/>
      <c r="E63" s="192"/>
      <c r="F63" s="193"/>
    </row>
    <row r="64" spans="1:6" s="4" customFormat="1" ht="32.1" customHeight="1" x14ac:dyDescent="0.25">
      <c r="A64" s="115" t="s">
        <v>208</v>
      </c>
      <c r="B64" s="107" t="s">
        <v>264</v>
      </c>
      <c r="C64" s="110" t="s">
        <v>258</v>
      </c>
      <c r="D64" s="52"/>
      <c r="E64" s="192"/>
      <c r="F64" s="193"/>
    </row>
    <row r="65" spans="1:6" s="4" customFormat="1" ht="32.1" customHeight="1" x14ac:dyDescent="0.25">
      <c r="A65" s="115" t="s">
        <v>209</v>
      </c>
      <c r="B65" s="107" t="s">
        <v>263</v>
      </c>
      <c r="C65" s="110" t="s">
        <v>259</v>
      </c>
      <c r="D65" s="52"/>
      <c r="E65" s="192"/>
      <c r="F65" s="193"/>
    </row>
    <row r="66" spans="1:6" s="4" customFormat="1" ht="32.1" customHeight="1" x14ac:dyDescent="0.25">
      <c r="A66" s="115" t="s">
        <v>211</v>
      </c>
      <c r="B66" s="123" t="s">
        <v>265</v>
      </c>
      <c r="C66" s="110" t="s">
        <v>260</v>
      </c>
      <c r="D66" s="52"/>
      <c r="E66" s="192"/>
      <c r="F66" s="193"/>
    </row>
    <row r="67" spans="1:6" s="4" customFormat="1" ht="32.1" customHeight="1" thickBot="1" x14ac:dyDescent="0.3">
      <c r="A67" s="120" t="s">
        <v>212</v>
      </c>
      <c r="B67" s="116" t="s">
        <v>266</v>
      </c>
      <c r="C67" s="126">
        <v>0.98040000000000005</v>
      </c>
      <c r="D67" s="53"/>
      <c r="E67" s="235"/>
      <c r="F67" s="236"/>
    </row>
    <row r="68" spans="1:6" s="30" customFormat="1" ht="30" customHeight="1" x14ac:dyDescent="0.25">
      <c r="A68" s="169" t="s">
        <v>34</v>
      </c>
      <c r="B68" s="169"/>
      <c r="C68" s="169"/>
      <c r="D68" s="169"/>
      <c r="E68" s="169"/>
      <c r="F68" s="3"/>
    </row>
    <row r="69" spans="1:6" s="2" customFormat="1" ht="24" x14ac:dyDescent="0.25">
      <c r="A69" s="29" t="s">
        <v>35</v>
      </c>
      <c r="B69" s="29"/>
      <c r="C69" s="189"/>
      <c r="D69" s="189"/>
      <c r="F69" s="30"/>
    </row>
    <row r="70" spans="1:6" s="2" customFormat="1" ht="24" x14ac:dyDescent="0.25">
      <c r="A70" s="29" t="s">
        <v>36</v>
      </c>
      <c r="B70" s="29"/>
      <c r="C70" s="181"/>
      <c r="D70" s="181"/>
      <c r="F70" s="30"/>
    </row>
    <row r="71" spans="1:6" s="2" customFormat="1" ht="24.95" customHeight="1" x14ac:dyDescent="0.25">
      <c r="A71" s="29" t="s">
        <v>37</v>
      </c>
      <c r="B71" s="29"/>
      <c r="C71" s="181"/>
      <c r="D71" s="181"/>
      <c r="F71" s="30"/>
    </row>
    <row r="72" spans="1:6" s="3" customFormat="1" ht="34.5" customHeight="1" x14ac:dyDescent="0.25">
      <c r="A72" s="29" t="s">
        <v>38</v>
      </c>
      <c r="B72" s="29"/>
      <c r="C72" s="181"/>
      <c r="D72" s="181"/>
      <c r="E72" s="2"/>
      <c r="F72" s="31"/>
    </row>
    <row r="73" spans="1:6" s="2" customFormat="1" ht="24.75" customHeight="1" x14ac:dyDescent="0.2">
      <c r="A73" s="11"/>
      <c r="B73" s="11"/>
      <c r="C73" s="12"/>
      <c r="D73" s="12"/>
      <c r="F73" s="32"/>
    </row>
    <row r="74" spans="1:6" s="3" customFormat="1" ht="15" customHeight="1" x14ac:dyDescent="0.25">
      <c r="A74" s="182" t="s">
        <v>39</v>
      </c>
      <c r="B74" s="182"/>
      <c r="C74" s="182"/>
      <c r="D74" s="182"/>
      <c r="E74" s="182"/>
      <c r="F74" s="182"/>
    </row>
    <row r="75" spans="1:6" s="2" customFormat="1" ht="36.75" customHeight="1" x14ac:dyDescent="0.25">
      <c r="A75" s="183" t="s">
        <v>50</v>
      </c>
      <c r="B75" s="183"/>
      <c r="C75" s="183"/>
      <c r="D75" s="183"/>
      <c r="E75" s="183"/>
      <c r="F75" s="183"/>
    </row>
    <row r="76" spans="1:6" s="2" customFormat="1" ht="20.100000000000001" customHeight="1" x14ac:dyDescent="0.2">
      <c r="A76" s="1"/>
      <c r="B76" s="1"/>
      <c r="C76" s="1"/>
      <c r="D76" s="8"/>
      <c r="E76" s="8"/>
    </row>
    <row r="77" spans="1:6" s="3" customFormat="1" ht="4.5" customHeight="1" x14ac:dyDescent="0.2">
      <c r="A77" s="1"/>
      <c r="B77" s="1"/>
      <c r="C77" s="1"/>
      <c r="D77" s="8"/>
      <c r="E77" s="8"/>
      <c r="F77" s="2"/>
    </row>
    <row r="78" spans="1:6" s="3" customFormat="1" ht="20.100000000000001" customHeight="1" x14ac:dyDescent="0.25">
      <c r="A78" s="33" t="s">
        <v>40</v>
      </c>
      <c r="B78" s="33"/>
      <c r="C78" s="49"/>
      <c r="D78" s="34" t="s">
        <v>41</v>
      </c>
      <c r="E78" s="188"/>
      <c r="F78" s="188"/>
    </row>
    <row r="79" spans="1:6" s="3" customFormat="1" ht="20.100000000000001" customHeight="1" x14ac:dyDescent="0.25">
      <c r="A79" s="46" t="s">
        <v>42</v>
      </c>
      <c r="B79" s="46"/>
      <c r="C79" s="50"/>
      <c r="D79" s="35"/>
      <c r="E79" s="36"/>
      <c r="F79" s="36"/>
    </row>
    <row r="80" spans="1:6" ht="20.100000000000001" customHeight="1" x14ac:dyDescent="0.2">
      <c r="D80" s="37" t="s">
        <v>43</v>
      </c>
      <c r="E80" s="189"/>
      <c r="F80" s="189"/>
    </row>
    <row r="81" spans="1:9" s="2" customFormat="1" ht="20.100000000000001" customHeight="1" x14ac:dyDescent="0.2">
      <c r="A81" s="1"/>
      <c r="B81" s="1"/>
      <c r="C81" s="1"/>
      <c r="D81" s="37" t="s">
        <v>44</v>
      </c>
      <c r="E81" s="181"/>
      <c r="F81" s="181"/>
    </row>
    <row r="82" spans="1:9" s="2" customFormat="1" ht="20.100000000000001" customHeight="1" x14ac:dyDescent="0.2">
      <c r="A82" s="1"/>
      <c r="B82" s="1"/>
      <c r="C82" s="1"/>
      <c r="D82" s="38" t="s">
        <v>45</v>
      </c>
      <c r="E82" s="1"/>
    </row>
    <row r="83" spans="1:9" s="2" customFormat="1" ht="37.5" customHeight="1" x14ac:dyDescent="0.25"/>
    <row r="84" spans="1:9" s="2" customFormat="1" ht="24" customHeight="1" x14ac:dyDescent="0.25"/>
    <row r="85" spans="1:9" s="2" customFormat="1" ht="24" customHeight="1" x14ac:dyDescent="0.25"/>
    <row r="86" spans="1:9" s="2" customFormat="1" ht="24" customHeight="1" x14ac:dyDescent="0.25"/>
    <row r="87" spans="1:9" s="2" customFormat="1" ht="20.100000000000001" customHeight="1" x14ac:dyDescent="0.25"/>
    <row r="88" spans="1:9" s="2" customFormat="1" ht="20.100000000000001" customHeight="1" x14ac:dyDescent="0.25"/>
    <row r="89" spans="1:9" s="2" customFormat="1" ht="50.1" customHeight="1" x14ac:dyDescent="0.25"/>
    <row r="90" spans="1:9" s="2" customFormat="1" ht="43.5" customHeight="1" x14ac:dyDescent="0.25"/>
    <row r="91" spans="1:9" s="2" customFormat="1" ht="24.75" customHeight="1" x14ac:dyDescent="0.2">
      <c r="G91" s="1"/>
      <c r="H91" s="1"/>
      <c r="I91" s="1"/>
    </row>
    <row r="92" spans="1:9" s="2" customFormat="1" x14ac:dyDescent="0.2">
      <c r="G92" s="1"/>
      <c r="H92" s="1"/>
      <c r="I92" s="1"/>
    </row>
    <row r="93" spans="1:9" s="2" customFormat="1" ht="20.100000000000001" customHeight="1" x14ac:dyDescent="0.2">
      <c r="A93" s="1"/>
      <c r="B93" s="1"/>
      <c r="C93" s="1"/>
      <c r="D93" s="8"/>
      <c r="E93" s="8"/>
      <c r="G93" s="1"/>
      <c r="H93" s="1"/>
      <c r="I93" s="1"/>
    </row>
    <row r="94" spans="1:9" s="2" customFormat="1" ht="4.5" customHeight="1" x14ac:dyDescent="0.2">
      <c r="A94" s="1"/>
      <c r="B94" s="1"/>
      <c r="C94" s="1"/>
      <c r="D94" s="8"/>
      <c r="E94" s="8"/>
      <c r="G94" s="1"/>
      <c r="H94" s="1"/>
      <c r="I94" s="1"/>
    </row>
    <row r="95" spans="1:9" s="2" customFormat="1" ht="20.100000000000001" customHeight="1" x14ac:dyDescent="0.2">
      <c r="A95" s="1"/>
      <c r="B95" s="1"/>
      <c r="C95" s="1"/>
      <c r="D95" s="8"/>
      <c r="E95" s="8"/>
      <c r="G95" s="1"/>
      <c r="H95" s="1"/>
      <c r="I95" s="1"/>
    </row>
    <row r="96" spans="1:9" s="2" customFormat="1" ht="20.100000000000001" customHeight="1" x14ac:dyDescent="0.2">
      <c r="A96" s="1"/>
      <c r="B96" s="1"/>
      <c r="C96" s="1"/>
      <c r="D96" s="8"/>
      <c r="E96" s="8"/>
      <c r="G96" s="1"/>
      <c r="H96" s="1"/>
      <c r="I96" s="1"/>
    </row>
    <row r="97" spans="1:9" s="2" customFormat="1" ht="20.100000000000001" customHeight="1" x14ac:dyDescent="0.2">
      <c r="A97" s="1"/>
      <c r="B97" s="1"/>
      <c r="C97" s="1"/>
      <c r="D97" s="8"/>
      <c r="E97" s="8"/>
      <c r="G97" s="1"/>
      <c r="H97" s="1"/>
      <c r="I97" s="1"/>
    </row>
  </sheetData>
  <mergeCells count="82">
    <mergeCell ref="A16:D16"/>
    <mergeCell ref="A1:F1"/>
    <mergeCell ref="A2:F2"/>
    <mergeCell ref="A3:F3"/>
    <mergeCell ref="A4:B4"/>
    <mergeCell ref="A5:B5"/>
    <mergeCell ref="A7:F7"/>
    <mergeCell ref="A8:F8"/>
    <mergeCell ref="A9:F9"/>
    <mergeCell ref="A11:F11"/>
    <mergeCell ref="A12:D12"/>
    <mergeCell ref="A13:D13"/>
    <mergeCell ref="A29:F29"/>
    <mergeCell ref="A17:D17"/>
    <mergeCell ref="A18:F18"/>
    <mergeCell ref="A19:F19"/>
    <mergeCell ref="A20:D20"/>
    <mergeCell ref="B21:D21"/>
    <mergeCell ref="A22:F22"/>
    <mergeCell ref="B23:D23"/>
    <mergeCell ref="A25:F25"/>
    <mergeCell ref="A27:C28"/>
    <mergeCell ref="D27:F27"/>
    <mergeCell ref="E28:F28"/>
    <mergeCell ref="A30:F30"/>
    <mergeCell ref="B31:C31"/>
    <mergeCell ref="E31:F31"/>
    <mergeCell ref="E32:F32"/>
    <mergeCell ref="E33:F33"/>
    <mergeCell ref="E34:F34"/>
    <mergeCell ref="E35:F35"/>
    <mergeCell ref="E36:F36"/>
    <mergeCell ref="E37:F37"/>
    <mergeCell ref="E38:F38"/>
    <mergeCell ref="E45:F45"/>
    <mergeCell ref="E46:F46"/>
    <mergeCell ref="E47:F47"/>
    <mergeCell ref="E48:F48"/>
    <mergeCell ref="E39:F39"/>
    <mergeCell ref="E40:F40"/>
    <mergeCell ref="E41:F41"/>
    <mergeCell ref="E42:F42"/>
    <mergeCell ref="E43:F43"/>
    <mergeCell ref="E44:F44"/>
    <mergeCell ref="E59:F59"/>
    <mergeCell ref="B49:C49"/>
    <mergeCell ref="E49:F49"/>
    <mergeCell ref="E50:F50"/>
    <mergeCell ref="E51:F51"/>
    <mergeCell ref="E52:F52"/>
    <mergeCell ref="E53:F53"/>
    <mergeCell ref="E54:F54"/>
    <mergeCell ref="E55:F55"/>
    <mergeCell ref="E56:F56"/>
    <mergeCell ref="E57:F57"/>
    <mergeCell ref="E58:F58"/>
    <mergeCell ref="E61:F61"/>
    <mergeCell ref="E62:F62"/>
    <mergeCell ref="E63:F63"/>
    <mergeCell ref="E64:F64"/>
    <mergeCell ref="E65:F65"/>
    <mergeCell ref="A75:F75"/>
    <mergeCell ref="E78:F78"/>
    <mergeCell ref="E80:F80"/>
    <mergeCell ref="E81:F81"/>
    <mergeCell ref="B36:C36"/>
    <mergeCell ref="B39:C39"/>
    <mergeCell ref="B41:C41"/>
    <mergeCell ref="A68:E68"/>
    <mergeCell ref="C69:D69"/>
    <mergeCell ref="C70:D70"/>
    <mergeCell ref="C71:D71"/>
    <mergeCell ref="C72:D72"/>
    <mergeCell ref="A74:F74"/>
    <mergeCell ref="E66:F66"/>
    <mergeCell ref="E67:F67"/>
    <mergeCell ref="E60:F60"/>
    <mergeCell ref="B44:C44"/>
    <mergeCell ref="B47:C47"/>
    <mergeCell ref="B51:C51"/>
    <mergeCell ref="B55:C55"/>
    <mergeCell ref="B61:C61"/>
  </mergeCells>
  <conditionalFormatting sqref="C69:D72 D31:D37 D39:D43 D45:D67">
    <cfRule type="containsBlanks" dxfId="6" priority="7">
      <formula>LEN(TRIM(C31))=0</formula>
    </cfRule>
  </conditionalFormatting>
  <conditionalFormatting sqref="E80:F80">
    <cfRule type="containsBlanks" dxfId="5" priority="6">
      <formula>LEN(TRIM(E80))=0</formula>
    </cfRule>
  </conditionalFormatting>
  <conditionalFormatting sqref="E81:F81">
    <cfRule type="containsBlanks" dxfId="4" priority="5">
      <formula>LEN(TRIM(E81))=0</formula>
    </cfRule>
  </conditionalFormatting>
  <conditionalFormatting sqref="C78">
    <cfRule type="containsBlanks" dxfId="3" priority="2">
      <formula>LEN(TRIM(C78))=0</formula>
    </cfRule>
  </conditionalFormatting>
  <conditionalFormatting sqref="C4">
    <cfRule type="containsBlanks" dxfId="2" priority="4">
      <formula>LEN(TRIM(C4))=0</formula>
    </cfRule>
  </conditionalFormatting>
  <conditionalFormatting sqref="C5">
    <cfRule type="containsBlanks" dxfId="1" priority="3">
      <formula>LEN(TRIM(C5))=0</formula>
    </cfRule>
  </conditionalFormatting>
  <conditionalFormatting sqref="C79">
    <cfRule type="containsBlanks" dxfId="0" priority="1">
      <formula>LEN(TRIM(C79))=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3</vt:i4>
      </vt:variant>
    </vt:vector>
  </HeadingPairs>
  <TitlesOfParts>
    <vt:vector size="6" baseType="lpstr">
      <vt:lpstr>PTK ponuka Zmluvne poz.</vt:lpstr>
      <vt:lpstr>PTK Ponuka časť č. 1</vt:lpstr>
      <vt:lpstr>PTK Ponuka časť č. 2</vt:lpstr>
      <vt:lpstr>'PTK Ponuka časť č. 1'!Oblasť_tlače</vt:lpstr>
      <vt:lpstr>'PTK Ponuka časť č. 2'!Oblasť_tlače</vt:lpstr>
      <vt:lpstr>'PTK ponuka Zmluvne poz.'!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1-05-20T08:07:36Z</cp:lastPrinted>
  <dcterms:created xsi:type="dcterms:W3CDTF">2017-04-21T05:51:15Z</dcterms:created>
  <dcterms:modified xsi:type="dcterms:W3CDTF">2025-08-15T06:20:19Z</dcterms:modified>
</cp:coreProperties>
</file>